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02_保険者指導グループ\15 統計・国報告\03_国保事業状況（県）\R05年度分（R7作業）\04_HP掲載原稿 ⇒これが最新版！！！\02_ホームページアップロード用\"/>
    </mc:Choice>
  </mc:AlternateContent>
  <bookViews>
    <workbookView xWindow="0" yWindow="0" windowWidth="18816" windowHeight="2940"/>
  </bookViews>
  <sheets>
    <sheet name="一人当たりの保健事業の推移" sheetId="1" r:id="rId1"/>
    <sheet name="一人当たり一般会計繰入金（その他）の推移" sheetId="2" r:id="rId2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一人当たりの保健事業の推移!$A$1:$Q$47</definedName>
    <definedName name="_xlnm.Print_Area" localSheetId="1">'一人当たり一般会計繰入金（その他）の推移'!$A$1:$Q$4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23" uniqueCount="79">
  <si>
    <t>－</t>
  </si>
  <si>
    <t>県    平    均</t>
    <phoneticPr fontId="4"/>
  </si>
  <si>
    <t>組 合 平 均</t>
    <phoneticPr fontId="4"/>
  </si>
  <si>
    <t>市町村平均</t>
    <phoneticPr fontId="5"/>
  </si>
  <si>
    <t xml:space="preserve"> 建設連合</t>
  </si>
  <si>
    <t xml:space="preserve"> 建設業</t>
  </si>
  <si>
    <t xml:space="preserve"> 薬剤師</t>
  </si>
  <si>
    <t xml:space="preserve"> 食品衛生</t>
  </si>
  <si>
    <t xml:space="preserve"> 歯科医師</t>
  </si>
  <si>
    <t xml:space="preserve"> 医師</t>
  </si>
  <si>
    <t xml:space="preserve"> 清川村</t>
  </si>
  <si>
    <t xml:space="preserve"> 愛川町</t>
  </si>
  <si>
    <t xml:space="preserve"> 湯河原町</t>
  </si>
  <si>
    <t xml:space="preserve"> 真鶴町</t>
  </si>
  <si>
    <t xml:space="preserve"> 箱根町</t>
  </si>
  <si>
    <t xml:space="preserve"> 開成町</t>
  </si>
  <si>
    <t xml:space="preserve"> 山北町</t>
  </si>
  <si>
    <t xml:space="preserve"> 松田町</t>
  </si>
  <si>
    <t xml:space="preserve"> 大井町</t>
  </si>
  <si>
    <t xml:space="preserve"> 中井町</t>
  </si>
  <si>
    <t xml:space="preserve"> 二宮町</t>
  </si>
  <si>
    <t xml:space="preserve"> 大磯町</t>
  </si>
  <si>
    <t xml:space="preserve"> 綾瀬市</t>
  </si>
  <si>
    <t xml:space="preserve"> 寒川町</t>
  </si>
  <si>
    <t xml:space="preserve"> 葉山町</t>
  </si>
  <si>
    <t xml:space="preserve"> 南足柄市</t>
  </si>
  <si>
    <t xml:space="preserve"> 座間市</t>
  </si>
  <si>
    <t xml:space="preserve"> 海老名市</t>
  </si>
  <si>
    <t xml:space="preserve"> 伊勢原市</t>
  </si>
  <si>
    <t xml:space="preserve"> 大和市</t>
  </si>
  <si>
    <t xml:space="preserve"> 厚木市</t>
  </si>
  <si>
    <t xml:space="preserve"> 秦野市</t>
  </si>
  <si>
    <t xml:space="preserve"> 三浦市</t>
  </si>
  <si>
    <t xml:space="preserve"> 相模原市</t>
  </si>
  <si>
    <t xml:space="preserve"> 逗子市</t>
  </si>
  <si>
    <t xml:space="preserve"> 茅ヶ崎市</t>
  </si>
  <si>
    <t xml:space="preserve"> 小田原市</t>
  </si>
  <si>
    <t xml:space="preserve"> 藤沢市</t>
  </si>
  <si>
    <t xml:space="preserve"> 鎌倉市</t>
  </si>
  <si>
    <t xml:space="preserve"> 平塚市</t>
  </si>
  <si>
    <t xml:space="preserve"> 横須賀市</t>
  </si>
  <si>
    <t xml:space="preserve"> 川崎市</t>
  </si>
  <si>
    <t xml:space="preserve"> 横浜市</t>
  </si>
  <si>
    <t>伸率%</t>
  </si>
  <si>
    <t>位</t>
    <phoneticPr fontId="4"/>
  </si>
  <si>
    <t>（円）</t>
  </si>
  <si>
    <t>位</t>
    <phoneticPr fontId="4"/>
  </si>
  <si>
    <t>位</t>
  </si>
  <si>
    <t>位</t>
    <phoneticPr fontId="4"/>
  </si>
  <si>
    <t>順</t>
  </si>
  <si>
    <t>金額</t>
  </si>
  <si>
    <t>保険者名</t>
  </si>
  <si>
    <t>４.財政（１）　一人当たり保健事業費の推移</t>
    <phoneticPr fontId="4"/>
  </si>
  <si>
    <t>市町村平均</t>
    <rPh sb="0" eb="3">
      <t>シチョウソン</t>
    </rPh>
    <rPh sb="3" eb="5">
      <t>ヘイキン</t>
    </rPh>
    <phoneticPr fontId="13"/>
  </si>
  <si>
    <t>町 村 平 均</t>
    <rPh sb="0" eb="1">
      <t>マチ</t>
    </rPh>
    <rPh sb="2" eb="3">
      <t>ムラ</t>
    </rPh>
    <rPh sb="4" eb="5">
      <t>ヒラ</t>
    </rPh>
    <rPh sb="6" eb="7">
      <t>ヒトシ</t>
    </rPh>
    <phoneticPr fontId="13"/>
  </si>
  <si>
    <t>市    平    均</t>
    <rPh sb="5" eb="6">
      <t>ヒラ</t>
    </rPh>
    <rPh sb="10" eb="11">
      <t>ヒトシ</t>
    </rPh>
    <phoneticPr fontId="4"/>
  </si>
  <si>
    <t>-</t>
  </si>
  <si>
    <t>位</t>
    <phoneticPr fontId="4"/>
  </si>
  <si>
    <t>位</t>
    <phoneticPr fontId="4"/>
  </si>
  <si>
    <t>位</t>
    <phoneticPr fontId="4"/>
  </si>
  <si>
    <t>繰入額</t>
  </si>
  <si>
    <t>４.財政（２）　一人当たり一般会計繰入金（その他）の推移</t>
    <phoneticPr fontId="4"/>
  </si>
  <si>
    <t>元年度</t>
    <rPh sb="0" eb="1">
      <t>ガン</t>
    </rPh>
    <phoneticPr fontId="3"/>
  </si>
  <si>
    <t>４年度</t>
    <phoneticPr fontId="3"/>
  </si>
  <si>
    <t>30→元</t>
    <rPh sb="3" eb="4">
      <t>ガン</t>
    </rPh>
    <phoneticPr fontId="3"/>
  </si>
  <si>
    <t>２→３</t>
    <phoneticPr fontId="8"/>
  </si>
  <si>
    <t>元年度</t>
    <rPh sb="0" eb="1">
      <t>ガン</t>
    </rPh>
    <phoneticPr fontId="5"/>
  </si>
  <si>
    <t>４年度</t>
    <phoneticPr fontId="5"/>
  </si>
  <si>
    <t>30→元</t>
    <rPh sb="3" eb="4">
      <t>ガン</t>
    </rPh>
    <phoneticPr fontId="5"/>
  </si>
  <si>
    <t>２年度</t>
    <phoneticPr fontId="3"/>
  </si>
  <si>
    <t>３年度</t>
    <phoneticPr fontId="8"/>
  </si>
  <si>
    <t>５年度</t>
    <phoneticPr fontId="3"/>
  </si>
  <si>
    <t>元→２</t>
    <rPh sb="0" eb="1">
      <t>ガン</t>
    </rPh>
    <phoneticPr fontId="3"/>
  </si>
  <si>
    <t>３→４</t>
    <phoneticPr fontId="8"/>
  </si>
  <si>
    <t>４→５</t>
    <phoneticPr fontId="3"/>
  </si>
  <si>
    <t>２年度</t>
    <phoneticPr fontId="5"/>
  </si>
  <si>
    <t>５年度</t>
    <phoneticPr fontId="5"/>
  </si>
  <si>
    <t>元→２</t>
    <rPh sb="0" eb="1">
      <t>ガン</t>
    </rPh>
    <phoneticPr fontId="5"/>
  </si>
  <si>
    <t>４→５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_ ;[Red]\-#,##0\ "/>
    <numFmt numFmtId="177" formatCode="#,##0_);[Red]\(#,##0\)"/>
  </numFmts>
  <fonts count="1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9"/>
      <color rgb="FFCCECFF"/>
      <name val="ＭＳ Ｐゴシック"/>
      <family val="3"/>
      <charset val="128"/>
    </font>
    <font>
      <sz val="9"/>
      <name val="ＭＳ ゴシック"/>
      <family val="3"/>
      <charset val="128"/>
    </font>
    <font>
      <sz val="9"/>
      <color indexed="10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color indexed="12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4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82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207">
    <xf numFmtId="0" fontId="0" fillId="0" borderId="0" xfId="0"/>
    <xf numFmtId="38" fontId="2" fillId="0" borderId="0" xfId="1" applyFont="1"/>
    <xf numFmtId="4" fontId="2" fillId="0" borderId="2" xfId="1" applyNumberFormat="1" applyFont="1" applyFill="1" applyBorder="1"/>
    <xf numFmtId="38" fontId="2" fillId="0" borderId="3" xfId="1" applyFont="1" applyFill="1" applyBorder="1" applyAlignment="1">
      <alignment horizontal="center"/>
    </xf>
    <xf numFmtId="38" fontId="2" fillId="0" borderId="4" xfId="1" applyFont="1" applyFill="1" applyBorder="1"/>
    <xf numFmtId="4" fontId="2" fillId="0" borderId="5" xfId="2" applyNumberFormat="1" applyFont="1" applyFill="1" applyBorder="1"/>
    <xf numFmtId="3" fontId="2" fillId="0" borderId="3" xfId="2" applyNumberFormat="1" applyFont="1" applyFill="1" applyBorder="1" applyAlignment="1">
      <alignment horizontal="center"/>
    </xf>
    <xf numFmtId="3" fontId="2" fillId="0" borderId="4" xfId="2" applyNumberFormat="1" applyFont="1" applyFill="1" applyBorder="1"/>
    <xf numFmtId="4" fontId="2" fillId="0" borderId="6" xfId="2" applyNumberFormat="1" applyFont="1" applyFill="1" applyBorder="1"/>
    <xf numFmtId="4" fontId="2" fillId="0" borderId="3" xfId="2" applyNumberFormat="1" applyFont="1" applyFill="1" applyBorder="1" applyAlignment="1">
      <alignment horizontal="center"/>
    </xf>
    <xf numFmtId="4" fontId="2" fillId="0" borderId="7" xfId="2" applyNumberFormat="1" applyFont="1" applyFill="1" applyBorder="1"/>
    <xf numFmtId="38" fontId="2" fillId="0" borderId="5" xfId="2" applyNumberFormat="1" applyFont="1" applyFill="1" applyBorder="1" applyAlignment="1">
      <alignment horizontal="center"/>
    </xf>
    <xf numFmtId="38" fontId="2" fillId="0" borderId="4" xfId="2" applyNumberFormat="1" applyFont="1" applyFill="1" applyBorder="1"/>
    <xf numFmtId="4" fontId="2" fillId="0" borderId="9" xfId="1" applyNumberFormat="1" applyFont="1" applyFill="1" applyBorder="1"/>
    <xf numFmtId="38" fontId="2" fillId="0" borderId="10" xfId="1" applyFont="1" applyFill="1" applyBorder="1" applyAlignment="1">
      <alignment horizontal="center"/>
    </xf>
    <xf numFmtId="38" fontId="2" fillId="0" borderId="11" xfId="1" applyFont="1" applyFill="1" applyBorder="1"/>
    <xf numFmtId="4" fontId="2" fillId="0" borderId="12" xfId="2" applyNumberFormat="1" applyFont="1" applyFill="1" applyBorder="1"/>
    <xf numFmtId="3" fontId="2" fillId="0" borderId="10" xfId="2" applyNumberFormat="1" applyFont="1" applyFill="1" applyBorder="1" applyAlignment="1">
      <alignment horizontal="center"/>
    </xf>
    <xf numFmtId="3" fontId="2" fillId="0" borderId="11" xfId="2" applyNumberFormat="1" applyFont="1" applyFill="1" applyBorder="1"/>
    <xf numFmtId="4" fontId="2" fillId="0" borderId="13" xfId="2" applyNumberFormat="1" applyFont="1" applyFill="1" applyBorder="1"/>
    <xf numFmtId="4" fontId="2" fillId="0" borderId="10" xfId="2" applyNumberFormat="1" applyFont="1" applyFill="1" applyBorder="1" applyAlignment="1">
      <alignment horizontal="center"/>
    </xf>
    <xf numFmtId="4" fontId="2" fillId="0" borderId="14" xfId="2" applyNumberFormat="1" applyFont="1" applyFill="1" applyBorder="1"/>
    <xf numFmtId="38" fontId="2" fillId="0" borderId="12" xfId="2" applyNumberFormat="1" applyFont="1" applyFill="1" applyBorder="1" applyAlignment="1">
      <alignment horizontal="center"/>
    </xf>
    <xf numFmtId="38" fontId="2" fillId="0" borderId="11" xfId="2" applyNumberFormat="1" applyFont="1" applyFill="1" applyBorder="1"/>
    <xf numFmtId="4" fontId="2" fillId="0" borderId="16" xfId="1" applyNumberFormat="1" applyFont="1" applyFill="1" applyBorder="1"/>
    <xf numFmtId="38" fontId="6" fillId="0" borderId="0" xfId="1" applyFont="1"/>
    <xf numFmtId="4" fontId="2" fillId="0" borderId="17" xfId="1" applyNumberFormat="1" applyFont="1" applyFill="1" applyBorder="1"/>
    <xf numFmtId="38" fontId="2" fillId="0" borderId="18" xfId="1" applyFont="1" applyFill="1" applyBorder="1"/>
    <xf numFmtId="38" fontId="2" fillId="0" borderId="19" xfId="1" applyFont="1" applyFill="1" applyBorder="1"/>
    <xf numFmtId="4" fontId="2" fillId="0" borderId="20" xfId="2" applyNumberFormat="1" applyFont="1" applyFill="1" applyBorder="1"/>
    <xf numFmtId="3" fontId="2" fillId="0" borderId="21" xfId="2" applyNumberFormat="1" applyFont="1" applyFill="1" applyBorder="1"/>
    <xf numFmtId="3" fontId="2" fillId="0" borderId="22" xfId="2" applyNumberFormat="1" applyFont="1" applyFill="1" applyBorder="1"/>
    <xf numFmtId="4" fontId="2" fillId="0" borderId="23" xfId="2" applyNumberFormat="1" applyFont="1" applyFill="1" applyBorder="1"/>
    <xf numFmtId="4" fontId="2" fillId="0" borderId="24" xfId="2" applyNumberFormat="1" applyFont="1" applyFill="1" applyBorder="1"/>
    <xf numFmtId="38" fontId="2" fillId="0" borderId="20" xfId="2" applyNumberFormat="1" applyFont="1" applyFill="1" applyBorder="1"/>
    <xf numFmtId="38" fontId="2" fillId="0" borderId="22" xfId="2" applyNumberFormat="1" applyFont="1" applyFill="1" applyBorder="1"/>
    <xf numFmtId="38" fontId="7" fillId="0" borderId="25" xfId="1" applyFont="1" applyFill="1" applyBorder="1"/>
    <xf numFmtId="38" fontId="2" fillId="0" borderId="26" xfId="1" applyFont="1" applyFill="1" applyBorder="1"/>
    <xf numFmtId="4" fontId="2" fillId="0" borderId="27" xfId="1" applyNumberFormat="1" applyFont="1" applyFill="1" applyBorder="1"/>
    <xf numFmtId="38" fontId="2" fillId="0" borderId="28" xfId="1" applyFont="1" applyFill="1" applyBorder="1"/>
    <xf numFmtId="38" fontId="2" fillId="0" borderId="29" xfId="1" applyFont="1" applyFill="1" applyBorder="1"/>
    <xf numFmtId="4" fontId="2" fillId="0" borderId="30" xfId="2" applyNumberFormat="1" applyFont="1" applyFill="1" applyBorder="1"/>
    <xf numFmtId="3" fontId="2" fillId="0" borderId="31" xfId="2" applyNumberFormat="1" applyFont="1" applyFill="1" applyBorder="1"/>
    <xf numFmtId="3" fontId="2" fillId="0" borderId="32" xfId="2" applyNumberFormat="1" applyFont="1" applyFill="1" applyBorder="1"/>
    <xf numFmtId="4" fontId="2" fillId="0" borderId="33" xfId="2" applyNumberFormat="1" applyFont="1" applyFill="1" applyBorder="1"/>
    <xf numFmtId="4" fontId="2" fillId="0" borderId="34" xfId="2" applyNumberFormat="1" applyFont="1" applyFill="1" applyBorder="1"/>
    <xf numFmtId="38" fontId="2" fillId="0" borderId="30" xfId="2" applyNumberFormat="1" applyFont="1" applyFill="1" applyBorder="1"/>
    <xf numFmtId="38" fontId="2" fillId="0" borderId="32" xfId="2" applyNumberFormat="1" applyFont="1" applyFill="1" applyBorder="1"/>
    <xf numFmtId="38" fontId="7" fillId="0" borderId="35" xfId="1" applyFont="1" applyFill="1" applyBorder="1"/>
    <xf numFmtId="38" fontId="2" fillId="0" borderId="36" xfId="1" applyFont="1" applyFill="1" applyBorder="1"/>
    <xf numFmtId="4" fontId="2" fillId="0" borderId="37" xfId="1" applyNumberFormat="1" applyFont="1" applyFill="1" applyBorder="1"/>
    <xf numFmtId="38" fontId="2" fillId="0" borderId="38" xfId="1" applyFont="1" applyFill="1" applyBorder="1"/>
    <xf numFmtId="38" fontId="2" fillId="0" borderId="39" xfId="1" applyFont="1" applyFill="1" applyBorder="1"/>
    <xf numFmtId="4" fontId="2" fillId="0" borderId="40" xfId="2" applyNumberFormat="1" applyFont="1" applyFill="1" applyBorder="1"/>
    <xf numFmtId="3" fontId="2" fillId="0" borderId="41" xfId="2" applyNumberFormat="1" applyFont="1" applyFill="1" applyBorder="1"/>
    <xf numFmtId="3" fontId="2" fillId="0" borderId="39" xfId="2" applyNumberFormat="1" applyFont="1" applyFill="1" applyBorder="1"/>
    <xf numFmtId="4" fontId="2" fillId="0" borderId="42" xfId="2" applyNumberFormat="1" applyFont="1" applyFill="1" applyBorder="1"/>
    <xf numFmtId="4" fontId="2" fillId="0" borderId="43" xfId="2" applyNumberFormat="1" applyFont="1" applyFill="1" applyBorder="1"/>
    <xf numFmtId="38" fontId="2" fillId="0" borderId="40" xfId="2" applyNumberFormat="1" applyFont="1" applyFill="1" applyBorder="1"/>
    <xf numFmtId="38" fontId="2" fillId="0" borderId="39" xfId="2" applyNumberFormat="1" applyFont="1" applyFill="1" applyBorder="1"/>
    <xf numFmtId="38" fontId="7" fillId="0" borderId="44" xfId="1" applyFont="1" applyFill="1" applyBorder="1"/>
    <xf numFmtId="38" fontId="2" fillId="0" borderId="45" xfId="1" applyFont="1" applyFill="1" applyBorder="1"/>
    <xf numFmtId="4" fontId="2" fillId="0" borderId="46" xfId="2" applyNumberFormat="1" applyFont="1" applyFill="1" applyBorder="1"/>
    <xf numFmtId="3" fontId="2" fillId="0" borderId="47" xfId="2" applyNumberFormat="1" applyFont="1" applyFill="1" applyBorder="1"/>
    <xf numFmtId="3" fontId="2" fillId="0" borderId="19" xfId="2" applyNumberFormat="1" applyFont="1" applyFill="1" applyBorder="1"/>
    <xf numFmtId="4" fontId="2" fillId="0" borderId="48" xfId="2" applyNumberFormat="1" applyFont="1" applyFill="1" applyBorder="1"/>
    <xf numFmtId="4" fontId="2" fillId="0" borderId="49" xfId="2" applyNumberFormat="1" applyFont="1" applyFill="1" applyBorder="1"/>
    <xf numFmtId="38" fontId="2" fillId="0" borderId="46" xfId="2" applyNumberFormat="1" applyFont="1" applyFill="1" applyBorder="1"/>
    <xf numFmtId="38" fontId="2" fillId="0" borderId="19" xfId="2" applyNumberFormat="1" applyFont="1" applyFill="1" applyBorder="1"/>
    <xf numFmtId="4" fontId="2" fillId="0" borderId="50" xfId="2" applyNumberFormat="1" applyFont="1" applyFill="1" applyBorder="1"/>
    <xf numFmtId="3" fontId="2" fillId="0" borderId="51" xfId="2" applyNumberFormat="1" applyFont="1" applyFill="1" applyBorder="1"/>
    <xf numFmtId="3" fontId="2" fillId="0" borderId="29" xfId="2" applyNumberFormat="1" applyFont="1" applyFill="1" applyBorder="1"/>
    <xf numFmtId="4" fontId="2" fillId="0" borderId="52" xfId="2" applyNumberFormat="1" applyFont="1" applyFill="1" applyBorder="1"/>
    <xf numFmtId="4" fontId="2" fillId="0" borderId="53" xfId="2" applyNumberFormat="1" applyFont="1" applyFill="1" applyBorder="1"/>
    <xf numFmtId="38" fontId="2" fillId="0" borderId="50" xfId="2" applyNumberFormat="1" applyFont="1" applyFill="1" applyBorder="1"/>
    <xf numFmtId="38" fontId="2" fillId="0" borderId="29" xfId="2" applyNumberFormat="1" applyFont="1" applyFill="1" applyBorder="1"/>
    <xf numFmtId="38" fontId="2" fillId="0" borderId="54" xfId="1" applyFont="1" applyFill="1" applyBorder="1"/>
    <xf numFmtId="38" fontId="2" fillId="0" borderId="32" xfId="1" applyFont="1" applyFill="1" applyBorder="1"/>
    <xf numFmtId="38" fontId="8" fillId="0" borderId="0" xfId="1" applyFont="1" applyAlignment="1">
      <alignment vertical="center"/>
    </xf>
    <xf numFmtId="38" fontId="2" fillId="0" borderId="55" xfId="1" applyFont="1" applyFill="1" applyBorder="1" applyAlignment="1">
      <alignment horizontal="center"/>
    </xf>
    <xf numFmtId="38" fontId="2" fillId="0" borderId="54" xfId="1" applyFont="1" applyFill="1" applyBorder="1" applyAlignment="1">
      <alignment horizontal="center"/>
    </xf>
    <xf numFmtId="38" fontId="2" fillId="0" borderId="32" xfId="1" applyFont="1" applyFill="1" applyBorder="1" applyAlignment="1">
      <alignment horizontal="center"/>
    </xf>
    <xf numFmtId="38" fontId="2" fillId="0" borderId="33" xfId="1" applyFont="1" applyFill="1" applyBorder="1" applyAlignment="1">
      <alignment horizontal="center"/>
    </xf>
    <xf numFmtId="38" fontId="2" fillId="0" borderId="31" xfId="1" applyFont="1" applyFill="1" applyBorder="1" applyAlignment="1">
      <alignment horizontal="center"/>
    </xf>
    <xf numFmtId="38" fontId="2" fillId="0" borderId="34" xfId="1" applyFont="1" applyFill="1" applyBorder="1" applyAlignment="1">
      <alignment horizontal="center"/>
    </xf>
    <xf numFmtId="38" fontId="2" fillId="0" borderId="30" xfId="1" applyFont="1" applyFill="1" applyBorder="1" applyAlignment="1">
      <alignment horizontal="center"/>
    </xf>
    <xf numFmtId="38" fontId="8" fillId="0" borderId="0" xfId="1" applyFont="1" applyAlignment="1">
      <alignment vertical="center" wrapText="1"/>
    </xf>
    <xf numFmtId="38" fontId="8" fillId="0" borderId="36" xfId="1" applyFont="1" applyBorder="1" applyAlignment="1">
      <alignment vertical="center" wrapText="1"/>
    </xf>
    <xf numFmtId="38" fontId="2" fillId="0" borderId="57" xfId="1" quotePrefix="1" applyFont="1" applyFill="1" applyBorder="1" applyAlignment="1">
      <alignment horizontal="center"/>
    </xf>
    <xf numFmtId="38" fontId="2" fillId="0" borderId="58" xfId="1" applyFont="1" applyFill="1" applyBorder="1" applyAlignment="1">
      <alignment horizontal="center"/>
    </xf>
    <xf numFmtId="38" fontId="2" fillId="0" borderId="59" xfId="1" applyFont="1" applyFill="1" applyBorder="1" applyAlignment="1">
      <alignment horizontal="center"/>
    </xf>
    <xf numFmtId="38" fontId="2" fillId="0" borderId="60" xfId="1" quotePrefix="1" applyFont="1" applyFill="1" applyBorder="1" applyAlignment="1">
      <alignment horizontal="center"/>
    </xf>
    <xf numFmtId="38" fontId="2" fillId="0" borderId="61" xfId="1" applyFont="1" applyFill="1" applyBorder="1" applyAlignment="1">
      <alignment horizontal="center"/>
    </xf>
    <xf numFmtId="38" fontId="2" fillId="0" borderId="62" xfId="1" quotePrefix="1" applyFont="1" applyFill="1" applyBorder="1" applyAlignment="1">
      <alignment horizontal="center"/>
    </xf>
    <xf numFmtId="38" fontId="2" fillId="0" borderId="63" xfId="1" quotePrefix="1" applyFont="1" applyFill="1" applyBorder="1" applyAlignment="1">
      <alignment horizontal="center"/>
    </xf>
    <xf numFmtId="38" fontId="2" fillId="0" borderId="61" xfId="1" quotePrefix="1" applyFont="1" applyFill="1" applyBorder="1" applyAlignment="1">
      <alignment horizontal="center"/>
    </xf>
    <xf numFmtId="38" fontId="2" fillId="0" borderId="0" xfId="1" quotePrefix="1" applyFont="1" applyFill="1" applyBorder="1" applyAlignment="1">
      <alignment horizontal="center"/>
    </xf>
    <xf numFmtId="38" fontId="2" fillId="0" borderId="0" xfId="1" applyFont="1" applyAlignment="1">
      <alignment vertical="center"/>
    </xf>
    <xf numFmtId="38" fontId="2" fillId="0" borderId="0" xfId="1" applyFont="1" applyFill="1"/>
    <xf numFmtId="38" fontId="8" fillId="0" borderId="0" xfId="1" applyFont="1" applyFill="1" applyBorder="1" applyAlignment="1">
      <alignment horizontal="center"/>
    </xf>
    <xf numFmtId="38" fontId="9" fillId="0" borderId="0" xfId="1" quotePrefix="1" applyFont="1" applyFill="1"/>
    <xf numFmtId="49" fontId="10" fillId="0" borderId="0" xfId="1" applyNumberFormat="1" applyFont="1" applyFill="1"/>
    <xf numFmtId="38" fontId="11" fillId="0" borderId="0" xfId="1" applyFont="1"/>
    <xf numFmtId="4" fontId="2" fillId="0" borderId="72" xfId="1" applyNumberFormat="1" applyFont="1" applyFill="1" applyBorder="1"/>
    <xf numFmtId="4" fontId="2" fillId="0" borderId="73" xfId="2" applyNumberFormat="1" applyFont="1" applyFill="1" applyBorder="1"/>
    <xf numFmtId="3" fontId="2" fillId="0" borderId="74" xfId="2" applyNumberFormat="1" applyFont="1" applyFill="1" applyBorder="1" applyAlignment="1">
      <alignment horizontal="center"/>
    </xf>
    <xf numFmtId="3" fontId="2" fillId="0" borderId="75" xfId="2" applyNumberFormat="1" applyFont="1" applyFill="1" applyBorder="1"/>
    <xf numFmtId="4" fontId="2" fillId="0" borderId="76" xfId="2" applyNumberFormat="1" applyFont="1" applyFill="1" applyBorder="1"/>
    <xf numFmtId="3" fontId="2" fillId="0" borderId="75" xfId="2" applyNumberFormat="1" applyFont="1" applyFill="1" applyBorder="1" applyAlignment="1">
      <alignment horizontal="right"/>
    </xf>
    <xf numFmtId="4" fontId="2" fillId="0" borderId="77" xfId="2" applyNumberFormat="1" applyFont="1" applyFill="1" applyBorder="1"/>
    <xf numFmtId="177" fontId="2" fillId="0" borderId="73" xfId="2" applyNumberFormat="1" applyFont="1" applyFill="1" applyBorder="1" applyAlignment="1">
      <alignment horizontal="center"/>
    </xf>
    <xf numFmtId="38" fontId="2" fillId="0" borderId="21" xfId="1" applyFont="1" applyFill="1" applyBorder="1" applyAlignment="1">
      <alignment horizontal="center"/>
    </xf>
    <xf numFmtId="38" fontId="2" fillId="0" borderId="22" xfId="1" applyFont="1" applyFill="1" applyBorder="1"/>
    <xf numFmtId="3" fontId="2" fillId="0" borderId="21" xfId="2" applyNumberFormat="1" applyFont="1" applyFill="1" applyBorder="1" applyAlignment="1">
      <alignment horizontal="center"/>
    </xf>
    <xf numFmtId="3" fontId="2" fillId="0" borderId="22" xfId="2" applyNumberFormat="1" applyFont="1" applyFill="1" applyBorder="1" applyAlignment="1">
      <alignment horizontal="right"/>
    </xf>
    <xf numFmtId="177" fontId="2" fillId="0" borderId="20" xfId="2" applyNumberFormat="1" applyFont="1" applyFill="1" applyBorder="1" applyAlignment="1">
      <alignment horizontal="center"/>
    </xf>
    <xf numFmtId="3" fontId="2" fillId="0" borderId="11" xfId="2" applyNumberFormat="1" applyFont="1" applyFill="1" applyBorder="1" applyAlignment="1">
      <alignment horizontal="right"/>
    </xf>
    <xf numFmtId="177" fontId="2" fillId="0" borderId="12" xfId="2" applyNumberFormat="1" applyFont="1" applyFill="1" applyBorder="1" applyAlignment="1">
      <alignment horizontal="center"/>
    </xf>
    <xf numFmtId="4" fontId="2" fillId="0" borderId="27" xfId="1" quotePrefix="1" applyNumberFormat="1" applyFont="1" applyFill="1" applyBorder="1" applyAlignment="1">
      <alignment horizontal="center"/>
    </xf>
    <xf numFmtId="38" fontId="2" fillId="0" borderId="28" xfId="1" applyFont="1" applyFill="1" applyBorder="1" applyAlignment="1"/>
    <xf numFmtId="4" fontId="2" fillId="0" borderId="71" xfId="2" quotePrefix="1" applyNumberFormat="1" applyFont="1" applyFill="1" applyBorder="1" applyAlignment="1">
      <alignment horizontal="center"/>
    </xf>
    <xf numFmtId="3" fontId="2" fillId="0" borderId="63" xfId="2" quotePrefix="1" applyNumberFormat="1" applyFont="1" applyFill="1" applyBorder="1" applyAlignment="1">
      <alignment horizontal="right"/>
    </xf>
    <xf numFmtId="3" fontId="2" fillId="0" borderId="61" xfId="2" quotePrefix="1" applyNumberFormat="1" applyFont="1" applyFill="1" applyBorder="1" applyAlignment="1">
      <alignment horizontal="center"/>
    </xf>
    <xf numFmtId="40" fontId="2" fillId="0" borderId="78" xfId="2" quotePrefix="1" applyNumberFormat="1" applyFont="1" applyFill="1" applyBorder="1" applyAlignment="1">
      <alignment horizontal="center"/>
    </xf>
    <xf numFmtId="3" fontId="2" fillId="0" borderId="63" xfId="2" quotePrefix="1" applyNumberFormat="1" applyFont="1" applyFill="1" applyBorder="1" applyAlignment="1"/>
    <xf numFmtId="3" fontId="2" fillId="0" borderId="61" xfId="2" quotePrefix="1" applyNumberFormat="1" applyFont="1" applyFill="1" applyBorder="1" applyAlignment="1">
      <alignment horizontal="right"/>
    </xf>
    <xf numFmtId="40" fontId="2" fillId="0" borderId="49" xfId="2" quotePrefix="1" applyNumberFormat="1" applyFont="1" applyFill="1" applyBorder="1" applyAlignment="1">
      <alignment horizontal="center"/>
    </xf>
    <xf numFmtId="3" fontId="2" fillId="0" borderId="51" xfId="2" applyNumberFormat="1" applyFont="1" applyFill="1" applyBorder="1" applyAlignment="1">
      <alignment horizontal="right"/>
    </xf>
    <xf numFmtId="3" fontId="2" fillId="0" borderId="51" xfId="2" applyNumberFormat="1" applyFont="1" applyFill="1" applyBorder="1" applyAlignment="1"/>
    <xf numFmtId="3" fontId="2" fillId="0" borderId="29" xfId="2" applyNumberFormat="1" applyFont="1" applyFill="1" applyBorder="1" applyAlignment="1">
      <alignment horizontal="right"/>
    </xf>
    <xf numFmtId="4" fontId="2" fillId="0" borderId="50" xfId="2" quotePrefix="1" applyNumberFormat="1" applyFont="1" applyFill="1" applyBorder="1" applyAlignment="1">
      <alignment horizontal="center"/>
    </xf>
    <xf numFmtId="3" fontId="2" fillId="0" borderId="51" xfId="2" quotePrefix="1" applyNumberFormat="1" applyFont="1" applyFill="1" applyBorder="1" applyAlignment="1">
      <alignment horizontal="right"/>
    </xf>
    <xf numFmtId="3" fontId="2" fillId="0" borderId="29" xfId="2" quotePrefix="1" applyNumberFormat="1" applyFont="1" applyFill="1" applyBorder="1" applyAlignment="1">
      <alignment horizontal="center"/>
    </xf>
    <xf numFmtId="40" fontId="2" fillId="0" borderId="52" xfId="2" quotePrefix="1" applyNumberFormat="1" applyFont="1" applyFill="1" applyBorder="1" applyAlignment="1">
      <alignment horizontal="center"/>
    </xf>
    <xf numFmtId="3" fontId="2" fillId="0" borderId="51" xfId="2" quotePrefix="1" applyNumberFormat="1" applyFont="1" applyFill="1" applyBorder="1" applyAlignment="1"/>
    <xf numFmtId="3" fontId="2" fillId="0" borderId="29" xfId="2" quotePrefix="1" applyNumberFormat="1" applyFont="1" applyFill="1" applyBorder="1" applyAlignment="1">
      <alignment horizontal="right"/>
    </xf>
    <xf numFmtId="40" fontId="2" fillId="0" borderId="53" xfId="2" quotePrefix="1" applyNumberFormat="1" applyFont="1" applyFill="1" applyBorder="1" applyAlignment="1">
      <alignment horizontal="center"/>
    </xf>
    <xf numFmtId="4" fontId="2" fillId="0" borderId="50" xfId="2" applyNumberFormat="1" applyFont="1" applyFill="1" applyBorder="1" applyAlignment="1">
      <alignment horizontal="center"/>
    </xf>
    <xf numFmtId="4" fontId="2" fillId="0" borderId="52" xfId="2" applyNumberFormat="1" applyFont="1" applyFill="1" applyBorder="1" applyAlignment="1">
      <alignment horizontal="center"/>
    </xf>
    <xf numFmtId="4" fontId="2" fillId="0" borderId="52" xfId="2" quotePrefix="1" applyNumberFormat="1" applyFont="1" applyFill="1" applyBorder="1" applyAlignment="1">
      <alignment horizontal="center"/>
    </xf>
    <xf numFmtId="4" fontId="2" fillId="0" borderId="53" xfId="2" quotePrefix="1" applyNumberFormat="1" applyFont="1" applyFill="1" applyBorder="1" applyAlignment="1">
      <alignment horizontal="center"/>
    </xf>
    <xf numFmtId="38" fontId="2" fillId="0" borderId="79" xfId="1" applyFont="1" applyFill="1" applyBorder="1"/>
    <xf numFmtId="38" fontId="2" fillId="0" borderId="54" xfId="1" applyFont="1" applyFill="1" applyBorder="1" applyAlignment="1"/>
    <xf numFmtId="3" fontId="2" fillId="0" borderId="31" xfId="2" applyNumberFormat="1" applyFont="1" applyFill="1" applyBorder="1" applyAlignment="1">
      <alignment horizontal="right"/>
    </xf>
    <xf numFmtId="3" fontId="2" fillId="0" borderId="31" xfId="2" applyNumberFormat="1" applyFont="1" applyFill="1" applyBorder="1" applyAlignment="1"/>
    <xf numFmtId="3" fontId="2" fillId="0" borderId="32" xfId="2" applyNumberFormat="1" applyFont="1" applyFill="1" applyBorder="1" applyAlignment="1">
      <alignment horizontal="right"/>
    </xf>
    <xf numFmtId="38" fontId="2" fillId="0" borderId="55" xfId="1" applyFont="1" applyFill="1" applyBorder="1" applyAlignment="1">
      <alignment horizontal="centerContinuous"/>
    </xf>
    <xf numFmtId="38" fontId="2" fillId="0" borderId="80" xfId="1" applyFont="1" applyFill="1" applyBorder="1" applyAlignment="1">
      <alignment horizontal="center"/>
    </xf>
    <xf numFmtId="38" fontId="2" fillId="0" borderId="33" xfId="1" applyFont="1" applyFill="1" applyBorder="1" applyAlignment="1">
      <alignment horizontal="centerContinuous"/>
    </xf>
    <xf numFmtId="38" fontId="2" fillId="0" borderId="31" xfId="1" applyFont="1" applyFill="1" applyBorder="1" applyAlignment="1">
      <alignment horizontal="centerContinuous"/>
    </xf>
    <xf numFmtId="38" fontId="2" fillId="0" borderId="32" xfId="1" applyFont="1" applyFill="1" applyBorder="1" applyAlignment="1">
      <alignment horizontal="centerContinuous"/>
    </xf>
    <xf numFmtId="38" fontId="2" fillId="0" borderId="34" xfId="1" applyFont="1" applyFill="1" applyBorder="1" applyAlignment="1">
      <alignment horizontal="centerContinuous"/>
    </xf>
    <xf numFmtId="38" fontId="2" fillId="0" borderId="30" xfId="1" applyFont="1" applyFill="1" applyBorder="1" applyAlignment="1">
      <alignment horizontal="centerContinuous"/>
    </xf>
    <xf numFmtId="38" fontId="2" fillId="0" borderId="0" xfId="1" applyFont="1" applyBorder="1"/>
    <xf numFmtId="38" fontId="2" fillId="0" borderId="0" xfId="1" quotePrefix="1" applyFont="1" applyBorder="1"/>
    <xf numFmtId="38" fontId="2" fillId="0" borderId="63" xfId="1" applyFont="1" applyFill="1" applyBorder="1" applyAlignment="1">
      <alignment horizontal="center"/>
    </xf>
    <xf numFmtId="38" fontId="2" fillId="0" borderId="64" xfId="1" quotePrefix="1" applyFont="1" applyFill="1" applyBorder="1" applyAlignment="1">
      <alignment horizontal="center"/>
    </xf>
    <xf numFmtId="38" fontId="2" fillId="0" borderId="0" xfId="1" applyFont="1" applyFill="1" applyBorder="1" applyAlignment="1">
      <alignment horizontal="center"/>
    </xf>
    <xf numFmtId="38" fontId="2" fillId="0" borderId="81" xfId="1" quotePrefix="1" applyFont="1" applyFill="1" applyBorder="1" applyAlignment="1">
      <alignment horizontal="center"/>
    </xf>
    <xf numFmtId="38" fontId="2" fillId="0" borderId="71" xfId="1" quotePrefix="1" applyFont="1" applyFill="1" applyBorder="1" applyAlignment="1">
      <alignment horizontal="center"/>
    </xf>
    <xf numFmtId="38" fontId="9" fillId="0" borderId="0" xfId="1" quotePrefix="1" applyFont="1"/>
    <xf numFmtId="38" fontId="6" fillId="0" borderId="0" xfId="1" applyFont="1" applyBorder="1"/>
    <xf numFmtId="176" fontId="2" fillId="0" borderId="0" xfId="1" applyNumberFormat="1" applyFont="1" applyBorder="1"/>
    <xf numFmtId="38" fontId="2" fillId="0" borderId="50" xfId="1" applyFont="1" applyFill="1" applyBorder="1" applyAlignment="1"/>
    <xf numFmtId="38" fontId="2" fillId="0" borderId="30" xfId="1" applyFont="1" applyFill="1" applyBorder="1" applyAlignment="1"/>
    <xf numFmtId="38" fontId="2" fillId="0" borderId="50" xfId="1" quotePrefix="1" applyFont="1" applyFill="1" applyBorder="1" applyAlignment="1"/>
    <xf numFmtId="38" fontId="2" fillId="0" borderId="46" xfId="1" quotePrefix="1" applyFont="1" applyFill="1" applyBorder="1" applyAlignment="1"/>
    <xf numFmtId="38" fontId="2" fillId="0" borderId="50" xfId="1" applyFont="1" applyFill="1" applyBorder="1" applyAlignment="1">
      <alignment horizontal="right"/>
    </xf>
    <xf numFmtId="4" fontId="2" fillId="0" borderId="53" xfId="2" applyNumberFormat="1" applyFont="1" applyFill="1" applyBorder="1" applyAlignment="1">
      <alignment horizontal="center"/>
    </xf>
    <xf numFmtId="4" fontId="2" fillId="0" borderId="27" xfId="1" applyNumberFormat="1" applyFont="1" applyFill="1" applyBorder="1" applyAlignment="1">
      <alignment horizontal="center"/>
    </xf>
    <xf numFmtId="4" fontId="2" fillId="0" borderId="49" xfId="2" quotePrefix="1" applyNumberFormat="1" applyFont="1" applyFill="1" applyBorder="1" applyAlignment="1">
      <alignment horizontal="center"/>
    </xf>
    <xf numFmtId="38" fontId="2" fillId="0" borderId="29" xfId="1" quotePrefix="1" applyFont="1" applyFill="1" applyBorder="1" applyAlignment="1">
      <alignment horizontal="right"/>
    </xf>
    <xf numFmtId="38" fontId="2" fillId="0" borderId="19" xfId="1" quotePrefix="1" applyFont="1" applyFill="1" applyBorder="1" applyAlignment="1">
      <alignment horizontal="right"/>
    </xf>
    <xf numFmtId="38" fontId="2" fillId="0" borderId="75" xfId="1" applyFont="1" applyFill="1" applyBorder="1"/>
    <xf numFmtId="49" fontId="2" fillId="0" borderId="1" xfId="1" applyNumberFormat="1" applyFont="1" applyBorder="1" applyAlignment="1">
      <alignment horizontal="left"/>
    </xf>
    <xf numFmtId="38" fontId="2" fillId="0" borderId="8" xfId="1" applyFont="1" applyFill="1" applyBorder="1" applyAlignment="1">
      <alignment horizontal="distributed" justifyLastLine="1"/>
    </xf>
    <xf numFmtId="38" fontId="2" fillId="0" borderId="6" xfId="1" applyFont="1" applyFill="1" applyBorder="1" applyAlignment="1">
      <alignment horizontal="distributed" justifyLastLine="1"/>
    </xf>
    <xf numFmtId="38" fontId="2" fillId="0" borderId="70" xfId="1" applyFont="1" applyFill="1" applyBorder="1" applyAlignment="1">
      <alignment horizontal="distributed" vertical="center" justifyLastLine="1"/>
    </xf>
    <xf numFmtId="0" fontId="0" fillId="0" borderId="69" xfId="0" applyFill="1" applyBorder="1" applyAlignment="1">
      <alignment horizontal="distributed" vertical="center" justifyLastLine="1"/>
    </xf>
    <xf numFmtId="0" fontId="0" fillId="0" borderId="36" xfId="0" applyFill="1" applyBorder="1" applyAlignment="1">
      <alignment horizontal="distributed" vertical="center" justifyLastLine="1"/>
    </xf>
    <xf numFmtId="0" fontId="0" fillId="0" borderId="64" xfId="0" applyFill="1" applyBorder="1" applyAlignment="1">
      <alignment horizontal="distributed" vertical="center" justifyLastLine="1"/>
    </xf>
    <xf numFmtId="0" fontId="0" fillId="0" borderId="56" xfId="0" applyFill="1" applyBorder="1" applyAlignment="1">
      <alignment horizontal="distributed" vertical="center" justifyLastLine="1"/>
    </xf>
    <xf numFmtId="0" fontId="0" fillId="0" borderId="33" xfId="0" applyFill="1" applyBorder="1" applyAlignment="1">
      <alignment horizontal="distributed" vertical="center" justifyLastLine="1"/>
    </xf>
    <xf numFmtId="38" fontId="2" fillId="0" borderId="15" xfId="1" applyFont="1" applyFill="1" applyBorder="1" applyAlignment="1">
      <alignment horizontal="distributed" justifyLastLine="1"/>
    </xf>
    <xf numFmtId="38" fontId="2" fillId="0" borderId="13" xfId="1" applyFont="1" applyFill="1" applyBorder="1" applyAlignment="1">
      <alignment horizontal="distributed" justifyLastLine="1"/>
    </xf>
    <xf numFmtId="38" fontId="2" fillId="0" borderId="66" xfId="1" quotePrefix="1" applyFont="1" applyFill="1" applyBorder="1" applyAlignment="1">
      <alignment horizontal="distributed" justifyLastLine="1"/>
    </xf>
    <xf numFmtId="0" fontId="0" fillId="0" borderId="66" xfId="0" applyFill="1" applyBorder="1" applyAlignment="1">
      <alignment horizontal="distributed" justifyLastLine="1"/>
    </xf>
    <xf numFmtId="0" fontId="0" fillId="0" borderId="65" xfId="0" applyFill="1" applyBorder="1" applyAlignment="1">
      <alignment horizontal="distributed" justifyLastLine="1"/>
    </xf>
    <xf numFmtId="0" fontId="2" fillId="0" borderId="68" xfId="0" quotePrefix="1" applyFont="1" applyFill="1" applyBorder="1" applyAlignment="1">
      <alignment horizontal="distributed" justifyLastLine="1"/>
    </xf>
    <xf numFmtId="0" fontId="0" fillId="0" borderId="67" xfId="0" applyFill="1" applyBorder="1" applyAlignment="1">
      <alignment horizontal="distributed" justifyLastLine="1"/>
    </xf>
    <xf numFmtId="0" fontId="2" fillId="0" borderId="66" xfId="0" applyFont="1" applyFill="1" applyBorder="1" applyAlignment="1">
      <alignment horizontal="distributed" justifyLastLine="1"/>
    </xf>
    <xf numFmtId="0" fontId="2" fillId="0" borderId="67" xfId="0" applyFont="1" applyFill="1" applyBorder="1" applyAlignment="1">
      <alignment horizontal="distributed" justifyLastLine="1"/>
    </xf>
    <xf numFmtId="38" fontId="2" fillId="0" borderId="68" xfId="1" quotePrefix="1" applyFont="1" applyFill="1" applyBorder="1" applyAlignment="1">
      <alignment horizontal="distributed" justifyLastLine="1"/>
    </xf>
    <xf numFmtId="38" fontId="12" fillId="0" borderId="8" xfId="1" applyFont="1" applyFill="1" applyBorder="1" applyAlignment="1">
      <alignment horizontal="distributed" justifyLastLine="1"/>
    </xf>
    <xf numFmtId="0" fontId="0" fillId="0" borderId="6" xfId="0" applyFill="1" applyBorder="1" applyAlignment="1">
      <alignment horizontal="distributed" justifyLastLine="1"/>
    </xf>
    <xf numFmtId="38" fontId="12" fillId="0" borderId="15" xfId="1" applyFont="1" applyFill="1" applyBorder="1" applyAlignment="1">
      <alignment horizontal="distributed" justifyLastLine="1"/>
    </xf>
    <xf numFmtId="0" fontId="0" fillId="0" borderId="13" xfId="0" applyFill="1" applyBorder="1" applyAlignment="1">
      <alignment horizontal="distributed" justifyLastLine="1"/>
    </xf>
    <xf numFmtId="38" fontId="12" fillId="0" borderId="26" xfId="1" applyFont="1" applyFill="1" applyBorder="1" applyAlignment="1">
      <alignment horizontal="distributed" justifyLastLine="1"/>
    </xf>
    <xf numFmtId="0" fontId="0" fillId="0" borderId="23" xfId="0" applyFill="1" applyBorder="1" applyAlignment="1">
      <alignment horizontal="distributed" justifyLastLine="1"/>
    </xf>
    <xf numFmtId="0" fontId="0" fillId="0" borderId="69" xfId="0" applyFill="1" applyBorder="1" applyAlignment="1">
      <alignment horizontal="distributed" justifyLastLine="1"/>
    </xf>
    <xf numFmtId="0" fontId="0" fillId="0" borderId="36" xfId="0" applyFill="1" applyBorder="1" applyAlignment="1">
      <alignment horizontal="distributed" justifyLastLine="1"/>
    </xf>
    <xf numFmtId="0" fontId="0" fillId="0" borderId="64" xfId="0" applyFill="1" applyBorder="1" applyAlignment="1">
      <alignment horizontal="distributed" justifyLastLine="1"/>
    </xf>
    <xf numFmtId="0" fontId="0" fillId="0" borderId="56" xfId="0" applyFill="1" applyBorder="1" applyAlignment="1">
      <alignment horizontal="distributed" justifyLastLine="1"/>
    </xf>
    <xf numFmtId="0" fontId="0" fillId="0" borderId="33" xfId="0" applyFill="1" applyBorder="1" applyAlignment="1">
      <alignment horizontal="distributed" justifyLastLine="1"/>
    </xf>
    <xf numFmtId="0" fontId="10" fillId="0" borderId="66" xfId="0" applyFont="1" applyFill="1" applyBorder="1" applyAlignment="1">
      <alignment horizontal="distributed" justifyLastLine="1"/>
    </xf>
    <xf numFmtId="0" fontId="10" fillId="0" borderId="65" xfId="0" applyFont="1" applyFill="1" applyBorder="1" applyAlignment="1">
      <alignment horizontal="distributed" justifyLastLine="1"/>
    </xf>
    <xf numFmtId="0" fontId="10" fillId="0" borderId="67" xfId="0" applyFont="1" applyFill="1" applyBorder="1" applyAlignment="1">
      <alignment horizontal="distributed" justifyLastLine="1"/>
    </xf>
  </cellXfs>
  <cellStyles count="3">
    <cellStyle name="桁区切り" xfId="1" builtinId="6"/>
    <cellStyle name="桁区切り 2" xfId="2"/>
    <cellStyle name="標準" xfId="0" builtinId="0"/>
  </cellStyles>
  <dxfs count="1">
    <dxf>
      <font>
        <condense val="0"/>
        <extend val="0"/>
        <color indexed="1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S48"/>
  <sheetViews>
    <sheetView tabSelected="1" view="pageBreakPreview" zoomScaleNormal="100" zoomScaleSheetLayoutView="100" workbookViewId="0">
      <pane xSplit="2" ySplit="5" topLeftCell="C6" activePane="bottomRight" state="frozen"/>
      <selection pane="topRight" activeCell="C1" sqref="C1"/>
      <selection pane="bottomLeft" activeCell="A6" sqref="A6"/>
      <selection pane="bottomRight" activeCell="T19" sqref="T19"/>
    </sheetView>
  </sheetViews>
  <sheetFormatPr defaultColWidth="9" defaultRowHeight="10.8" x14ac:dyDescent="0.15"/>
  <cols>
    <col min="1" max="1" width="3.6640625" style="1" customWidth="1"/>
    <col min="2" max="2" width="10" style="1" customWidth="1"/>
    <col min="3" max="3" width="8.109375" style="1" customWidth="1"/>
    <col min="4" max="4" width="3.109375" style="1" customWidth="1"/>
    <col min="5" max="5" width="6.109375" style="1" customWidth="1"/>
    <col min="6" max="6" width="8.109375" style="1" customWidth="1"/>
    <col min="7" max="7" width="3.109375" style="1" customWidth="1"/>
    <col min="8" max="8" width="6.109375" style="1" customWidth="1"/>
    <col min="9" max="9" width="8.109375" style="1" customWidth="1"/>
    <col min="10" max="10" width="3.109375" style="1" customWidth="1"/>
    <col min="11" max="11" width="6.109375" style="1" customWidth="1"/>
    <col min="12" max="12" width="8.109375" style="1" customWidth="1"/>
    <col min="13" max="13" width="3.109375" style="1" customWidth="1"/>
    <col min="14" max="14" width="6.109375" style="1" customWidth="1"/>
    <col min="15" max="15" width="8.109375" style="1" customWidth="1"/>
    <col min="16" max="16" width="3.109375" style="1" customWidth="1"/>
    <col min="17" max="17" width="6.109375" style="1" customWidth="1"/>
    <col min="18" max="18" width="11.33203125" style="1" bestFit="1" customWidth="1"/>
    <col min="19" max="19" width="8.109375" style="1" bestFit="1" customWidth="1"/>
    <col min="20" max="16384" width="9" style="1"/>
  </cols>
  <sheetData>
    <row r="1" spans="1:19" ht="16.5" customHeight="1" x14ac:dyDescent="0.2">
      <c r="A1" s="101" t="s">
        <v>52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100"/>
      <c r="P1" s="98"/>
      <c r="Q1" s="98"/>
    </row>
    <row r="2" spans="1:19" ht="11.1" customHeight="1" thickBot="1" x14ac:dyDescent="0.2">
      <c r="A2" s="98"/>
      <c r="B2" s="98"/>
      <c r="C2" s="99"/>
      <c r="D2" s="99"/>
      <c r="E2" s="99"/>
      <c r="F2" s="99"/>
      <c r="G2" s="99"/>
      <c r="H2" s="99"/>
      <c r="I2" s="99"/>
      <c r="J2" s="99"/>
      <c r="K2" s="99"/>
      <c r="L2" s="99"/>
      <c r="M2" s="99"/>
      <c r="N2" s="99"/>
      <c r="O2" s="98"/>
      <c r="P2" s="98"/>
      <c r="Q2" s="98"/>
    </row>
    <row r="3" spans="1:19" s="97" customFormat="1" ht="15" customHeight="1" x14ac:dyDescent="0.2">
      <c r="A3" s="177" t="s">
        <v>51</v>
      </c>
      <c r="B3" s="178"/>
      <c r="C3" s="188" t="s">
        <v>62</v>
      </c>
      <c r="D3" s="190"/>
      <c r="E3" s="191"/>
      <c r="F3" s="188" t="s">
        <v>69</v>
      </c>
      <c r="G3" s="186"/>
      <c r="H3" s="189"/>
      <c r="I3" s="192" t="s">
        <v>70</v>
      </c>
      <c r="J3" s="186"/>
      <c r="K3" s="189"/>
      <c r="L3" s="192" t="s">
        <v>63</v>
      </c>
      <c r="M3" s="186"/>
      <c r="N3" s="189"/>
      <c r="O3" s="185" t="s">
        <v>71</v>
      </c>
      <c r="P3" s="186"/>
      <c r="Q3" s="187"/>
      <c r="S3" s="86"/>
    </row>
    <row r="4" spans="1:19" ht="12.75" customHeight="1" x14ac:dyDescent="0.15">
      <c r="A4" s="179"/>
      <c r="B4" s="180"/>
      <c r="C4" s="96" t="s">
        <v>50</v>
      </c>
      <c r="D4" s="94" t="s">
        <v>49</v>
      </c>
      <c r="E4" s="96" t="s">
        <v>64</v>
      </c>
      <c r="F4" s="92" t="s">
        <v>50</v>
      </c>
      <c r="G4" s="89" t="s">
        <v>49</v>
      </c>
      <c r="H4" s="93" t="s">
        <v>72</v>
      </c>
      <c r="I4" s="95" t="s">
        <v>50</v>
      </c>
      <c r="J4" s="94" t="s">
        <v>49</v>
      </c>
      <c r="K4" s="93" t="s">
        <v>65</v>
      </c>
      <c r="L4" s="92" t="s">
        <v>50</v>
      </c>
      <c r="M4" s="89" t="s">
        <v>49</v>
      </c>
      <c r="N4" s="91" t="s">
        <v>73</v>
      </c>
      <c r="O4" s="90" t="s">
        <v>50</v>
      </c>
      <c r="P4" s="89" t="s">
        <v>49</v>
      </c>
      <c r="Q4" s="88" t="s">
        <v>74</v>
      </c>
      <c r="R4" s="87"/>
      <c r="S4" s="86"/>
    </row>
    <row r="5" spans="1:19" ht="12.75" customHeight="1" x14ac:dyDescent="0.15">
      <c r="A5" s="181"/>
      <c r="B5" s="182"/>
      <c r="C5" s="85" t="s">
        <v>45</v>
      </c>
      <c r="D5" s="83" t="s">
        <v>47</v>
      </c>
      <c r="E5" s="85" t="s">
        <v>43</v>
      </c>
      <c r="F5" s="81" t="s">
        <v>45</v>
      </c>
      <c r="G5" s="80" t="s">
        <v>48</v>
      </c>
      <c r="H5" s="84" t="s">
        <v>43</v>
      </c>
      <c r="I5" s="81" t="s">
        <v>45</v>
      </c>
      <c r="J5" s="83" t="s">
        <v>47</v>
      </c>
      <c r="K5" s="82" t="s">
        <v>43</v>
      </c>
      <c r="L5" s="81" t="s">
        <v>45</v>
      </c>
      <c r="M5" s="83" t="s">
        <v>46</v>
      </c>
      <c r="N5" s="82" t="s">
        <v>43</v>
      </c>
      <c r="O5" s="81" t="s">
        <v>45</v>
      </c>
      <c r="P5" s="80" t="s">
        <v>44</v>
      </c>
      <c r="Q5" s="79" t="s">
        <v>43</v>
      </c>
      <c r="R5" s="78"/>
      <c r="S5" s="78"/>
    </row>
    <row r="6" spans="1:19" ht="19.5" customHeight="1" x14ac:dyDescent="0.15">
      <c r="A6" s="49">
        <v>1</v>
      </c>
      <c r="B6" s="48" t="s">
        <v>42</v>
      </c>
      <c r="C6" s="75">
        <v>2352</v>
      </c>
      <c r="D6" s="74">
        <v>33</v>
      </c>
      <c r="E6" s="73">
        <v>14.62</v>
      </c>
      <c r="F6" s="75">
        <v>2091</v>
      </c>
      <c r="G6" s="74">
        <v>32</v>
      </c>
      <c r="H6" s="73">
        <v>-11.1</v>
      </c>
      <c r="I6" s="71">
        <v>2252</v>
      </c>
      <c r="J6" s="70">
        <v>33</v>
      </c>
      <c r="K6" s="72">
        <v>7.7</v>
      </c>
      <c r="L6" s="71">
        <v>2506</v>
      </c>
      <c r="M6" s="70">
        <v>33</v>
      </c>
      <c r="N6" s="69">
        <v>11.28</v>
      </c>
      <c r="O6" s="40">
        <v>2564</v>
      </c>
      <c r="P6" s="39">
        <v>33</v>
      </c>
      <c r="Q6" s="38">
        <v>2.31</v>
      </c>
      <c r="R6" s="25"/>
      <c r="S6" s="25"/>
    </row>
    <row r="7" spans="1:19" ht="19.5" customHeight="1" x14ac:dyDescent="0.15">
      <c r="A7" s="49">
        <v>2</v>
      </c>
      <c r="B7" s="48" t="s">
        <v>41</v>
      </c>
      <c r="C7" s="75">
        <v>2514</v>
      </c>
      <c r="D7" s="74">
        <v>31</v>
      </c>
      <c r="E7" s="73">
        <v>12.33</v>
      </c>
      <c r="F7" s="75">
        <v>2603</v>
      </c>
      <c r="G7" s="74">
        <v>29</v>
      </c>
      <c r="H7" s="73">
        <v>3.54</v>
      </c>
      <c r="I7" s="71">
        <v>2640</v>
      </c>
      <c r="J7" s="70">
        <v>30</v>
      </c>
      <c r="K7" s="72">
        <v>1.42</v>
      </c>
      <c r="L7" s="71">
        <v>2788</v>
      </c>
      <c r="M7" s="70">
        <v>31</v>
      </c>
      <c r="N7" s="69">
        <v>5.61</v>
      </c>
      <c r="O7" s="40">
        <v>2968</v>
      </c>
      <c r="P7" s="39">
        <v>29</v>
      </c>
      <c r="Q7" s="38">
        <v>6.46</v>
      </c>
      <c r="R7" s="25"/>
      <c r="S7" s="25"/>
    </row>
    <row r="8" spans="1:19" ht="19.5" customHeight="1" x14ac:dyDescent="0.15">
      <c r="A8" s="49">
        <v>3</v>
      </c>
      <c r="B8" s="48" t="s">
        <v>40</v>
      </c>
      <c r="C8" s="75">
        <v>2873</v>
      </c>
      <c r="D8" s="74">
        <v>28</v>
      </c>
      <c r="E8" s="73">
        <v>5.51</v>
      </c>
      <c r="F8" s="75">
        <v>2337</v>
      </c>
      <c r="G8" s="74">
        <v>30</v>
      </c>
      <c r="H8" s="73">
        <v>-18.66</v>
      </c>
      <c r="I8" s="71">
        <v>2630</v>
      </c>
      <c r="J8" s="70">
        <v>31</v>
      </c>
      <c r="K8" s="72">
        <v>12.54</v>
      </c>
      <c r="L8" s="71">
        <v>2813</v>
      </c>
      <c r="M8" s="70">
        <v>30</v>
      </c>
      <c r="N8" s="69">
        <v>6.96</v>
      </c>
      <c r="O8" s="40">
        <v>2916</v>
      </c>
      <c r="P8" s="39">
        <v>30</v>
      </c>
      <c r="Q8" s="38">
        <v>3.66</v>
      </c>
      <c r="R8" s="25"/>
      <c r="S8" s="25"/>
    </row>
    <row r="9" spans="1:19" ht="19.5" customHeight="1" x14ac:dyDescent="0.15">
      <c r="A9" s="49">
        <v>4</v>
      </c>
      <c r="B9" s="48" t="s">
        <v>39</v>
      </c>
      <c r="C9" s="75">
        <v>4144</v>
      </c>
      <c r="D9" s="74">
        <v>10</v>
      </c>
      <c r="E9" s="73">
        <v>-1.1200000000000001</v>
      </c>
      <c r="F9" s="75">
        <v>4022</v>
      </c>
      <c r="G9" s="74">
        <v>10</v>
      </c>
      <c r="H9" s="73">
        <v>-2.94</v>
      </c>
      <c r="I9" s="71">
        <v>3836</v>
      </c>
      <c r="J9" s="70">
        <v>17</v>
      </c>
      <c r="K9" s="72">
        <v>-4.62</v>
      </c>
      <c r="L9" s="71">
        <v>4170</v>
      </c>
      <c r="M9" s="70">
        <v>18</v>
      </c>
      <c r="N9" s="69">
        <v>8.7100000000000009</v>
      </c>
      <c r="O9" s="40">
        <v>5186</v>
      </c>
      <c r="P9" s="39">
        <v>7</v>
      </c>
      <c r="Q9" s="38">
        <v>24.36</v>
      </c>
      <c r="R9" s="25"/>
      <c r="S9" s="25"/>
    </row>
    <row r="10" spans="1:19" ht="19.5" customHeight="1" x14ac:dyDescent="0.15">
      <c r="A10" s="49">
        <v>5</v>
      </c>
      <c r="B10" s="48" t="s">
        <v>38</v>
      </c>
      <c r="C10" s="75">
        <v>3511</v>
      </c>
      <c r="D10" s="74">
        <v>18</v>
      </c>
      <c r="E10" s="73">
        <v>1.33</v>
      </c>
      <c r="F10" s="75">
        <v>2905</v>
      </c>
      <c r="G10" s="74">
        <v>26</v>
      </c>
      <c r="H10" s="73">
        <v>-17.260000000000002</v>
      </c>
      <c r="I10" s="71">
        <v>4003</v>
      </c>
      <c r="J10" s="70">
        <v>14</v>
      </c>
      <c r="K10" s="72">
        <v>37.799999999999997</v>
      </c>
      <c r="L10" s="71">
        <v>4003</v>
      </c>
      <c r="M10" s="70">
        <v>21</v>
      </c>
      <c r="N10" s="69">
        <v>0</v>
      </c>
      <c r="O10" s="40">
        <v>4296</v>
      </c>
      <c r="P10" s="39">
        <v>19</v>
      </c>
      <c r="Q10" s="38">
        <v>7.32</v>
      </c>
      <c r="R10" s="25"/>
      <c r="S10" s="25"/>
    </row>
    <row r="11" spans="1:19" ht="19.5" customHeight="1" x14ac:dyDescent="0.15">
      <c r="A11" s="49">
        <v>6</v>
      </c>
      <c r="B11" s="48" t="s">
        <v>37</v>
      </c>
      <c r="C11" s="75">
        <v>3498</v>
      </c>
      <c r="D11" s="74">
        <v>19</v>
      </c>
      <c r="E11" s="73">
        <v>2.1</v>
      </c>
      <c r="F11" s="75">
        <v>3342</v>
      </c>
      <c r="G11" s="74">
        <v>18</v>
      </c>
      <c r="H11" s="73">
        <v>-4.46</v>
      </c>
      <c r="I11" s="71">
        <v>3476</v>
      </c>
      <c r="J11" s="70">
        <v>24</v>
      </c>
      <c r="K11" s="72">
        <v>4.01</v>
      </c>
      <c r="L11" s="71">
        <v>3401</v>
      </c>
      <c r="M11" s="70">
        <v>24</v>
      </c>
      <c r="N11" s="69">
        <v>-2.16</v>
      </c>
      <c r="O11" s="40">
        <v>3410</v>
      </c>
      <c r="P11" s="39">
        <v>27</v>
      </c>
      <c r="Q11" s="38">
        <v>0.26</v>
      </c>
      <c r="R11" s="25"/>
      <c r="S11" s="25"/>
    </row>
    <row r="12" spans="1:19" ht="19.5" customHeight="1" x14ac:dyDescent="0.15">
      <c r="A12" s="49">
        <v>7</v>
      </c>
      <c r="B12" s="48" t="s">
        <v>36</v>
      </c>
      <c r="C12" s="75">
        <v>3365</v>
      </c>
      <c r="D12" s="74">
        <v>20</v>
      </c>
      <c r="E12" s="73">
        <v>11.39</v>
      </c>
      <c r="F12" s="75">
        <v>3226</v>
      </c>
      <c r="G12" s="74">
        <v>20</v>
      </c>
      <c r="H12" s="73">
        <v>-4.13</v>
      </c>
      <c r="I12" s="71">
        <v>3409</v>
      </c>
      <c r="J12" s="70">
        <v>25</v>
      </c>
      <c r="K12" s="72">
        <v>5.67</v>
      </c>
      <c r="L12" s="71">
        <v>3399</v>
      </c>
      <c r="M12" s="70">
        <v>25</v>
      </c>
      <c r="N12" s="69">
        <v>-0.28999999999999998</v>
      </c>
      <c r="O12" s="40">
        <v>3594</v>
      </c>
      <c r="P12" s="39">
        <v>26</v>
      </c>
      <c r="Q12" s="38">
        <v>5.74</v>
      </c>
      <c r="R12" s="25"/>
      <c r="S12" s="25"/>
    </row>
    <row r="13" spans="1:19" ht="19.5" customHeight="1" x14ac:dyDescent="0.15">
      <c r="A13" s="49">
        <v>8</v>
      </c>
      <c r="B13" s="48" t="s">
        <v>35</v>
      </c>
      <c r="C13" s="75">
        <v>3331</v>
      </c>
      <c r="D13" s="74">
        <v>22</v>
      </c>
      <c r="E13" s="73">
        <v>0.48</v>
      </c>
      <c r="F13" s="75">
        <v>2976</v>
      </c>
      <c r="G13" s="74">
        <v>25</v>
      </c>
      <c r="H13" s="73">
        <v>-10.66</v>
      </c>
      <c r="I13" s="71">
        <v>3301</v>
      </c>
      <c r="J13" s="70">
        <v>26</v>
      </c>
      <c r="K13" s="72">
        <v>10.92</v>
      </c>
      <c r="L13" s="71">
        <v>3321</v>
      </c>
      <c r="M13" s="70">
        <v>27</v>
      </c>
      <c r="N13" s="69">
        <v>0.61</v>
      </c>
      <c r="O13" s="40">
        <v>3719</v>
      </c>
      <c r="P13" s="39">
        <v>24</v>
      </c>
      <c r="Q13" s="38">
        <v>11.98</v>
      </c>
      <c r="R13" s="25"/>
      <c r="S13" s="25"/>
    </row>
    <row r="14" spans="1:19" ht="19.5" customHeight="1" x14ac:dyDescent="0.15">
      <c r="A14" s="49">
        <v>9</v>
      </c>
      <c r="B14" s="48" t="s">
        <v>34</v>
      </c>
      <c r="C14" s="75">
        <v>3027</v>
      </c>
      <c r="D14" s="74">
        <v>26</v>
      </c>
      <c r="E14" s="73">
        <v>2.78</v>
      </c>
      <c r="F14" s="75">
        <v>2630</v>
      </c>
      <c r="G14" s="74">
        <v>28</v>
      </c>
      <c r="H14" s="73">
        <v>-13.12</v>
      </c>
      <c r="I14" s="71">
        <v>3055</v>
      </c>
      <c r="J14" s="70">
        <v>29</v>
      </c>
      <c r="K14" s="72">
        <v>16.16</v>
      </c>
      <c r="L14" s="71">
        <v>3256</v>
      </c>
      <c r="M14" s="70">
        <v>28</v>
      </c>
      <c r="N14" s="69">
        <v>6.58</v>
      </c>
      <c r="O14" s="40">
        <v>4474</v>
      </c>
      <c r="P14" s="39">
        <v>15</v>
      </c>
      <c r="Q14" s="38">
        <v>37.409999999999997</v>
      </c>
      <c r="R14" s="25"/>
      <c r="S14" s="25"/>
    </row>
    <row r="15" spans="1:19" ht="19.5" customHeight="1" x14ac:dyDescent="0.15">
      <c r="A15" s="49">
        <v>10</v>
      </c>
      <c r="B15" s="48" t="s">
        <v>33</v>
      </c>
      <c r="C15" s="75">
        <v>3924</v>
      </c>
      <c r="D15" s="74">
        <v>13</v>
      </c>
      <c r="E15" s="73">
        <v>2.4500000000000002</v>
      </c>
      <c r="F15" s="75">
        <v>3404</v>
      </c>
      <c r="G15" s="74">
        <v>17</v>
      </c>
      <c r="H15" s="73">
        <v>-13.25</v>
      </c>
      <c r="I15" s="71">
        <v>3996</v>
      </c>
      <c r="J15" s="70">
        <v>15</v>
      </c>
      <c r="K15" s="72">
        <v>17.39</v>
      </c>
      <c r="L15" s="71">
        <v>4130</v>
      </c>
      <c r="M15" s="70">
        <v>19</v>
      </c>
      <c r="N15" s="69">
        <v>3.35</v>
      </c>
      <c r="O15" s="40">
        <v>4266</v>
      </c>
      <c r="P15" s="39">
        <v>21</v>
      </c>
      <c r="Q15" s="38">
        <v>3.29</v>
      </c>
      <c r="R15" s="25"/>
      <c r="S15" s="25"/>
    </row>
    <row r="16" spans="1:19" ht="19.5" customHeight="1" x14ac:dyDescent="0.15">
      <c r="A16" s="49">
        <v>11</v>
      </c>
      <c r="B16" s="48" t="s">
        <v>32</v>
      </c>
      <c r="C16" s="75">
        <v>2906</v>
      </c>
      <c r="D16" s="74">
        <v>27</v>
      </c>
      <c r="E16" s="73">
        <v>-3</v>
      </c>
      <c r="F16" s="75">
        <v>3214</v>
      </c>
      <c r="G16" s="74">
        <v>21</v>
      </c>
      <c r="H16" s="73">
        <v>10.6</v>
      </c>
      <c r="I16" s="71">
        <v>3721</v>
      </c>
      <c r="J16" s="70">
        <v>21</v>
      </c>
      <c r="K16" s="72">
        <v>15.77</v>
      </c>
      <c r="L16" s="71">
        <v>4247</v>
      </c>
      <c r="M16" s="70">
        <v>16</v>
      </c>
      <c r="N16" s="69">
        <v>14.14</v>
      </c>
      <c r="O16" s="40">
        <v>4431</v>
      </c>
      <c r="P16" s="39">
        <v>16</v>
      </c>
      <c r="Q16" s="38">
        <v>4.33</v>
      </c>
      <c r="R16" s="25"/>
      <c r="S16" s="25"/>
    </row>
    <row r="17" spans="1:19" ht="19.5" customHeight="1" x14ac:dyDescent="0.15">
      <c r="A17" s="49">
        <v>12</v>
      </c>
      <c r="B17" s="48" t="s">
        <v>31</v>
      </c>
      <c r="C17" s="75">
        <v>4603</v>
      </c>
      <c r="D17" s="74">
        <v>7</v>
      </c>
      <c r="E17" s="73">
        <v>4.26</v>
      </c>
      <c r="F17" s="75">
        <v>4194</v>
      </c>
      <c r="G17" s="74">
        <v>9</v>
      </c>
      <c r="H17" s="73">
        <v>-8.89</v>
      </c>
      <c r="I17" s="71">
        <v>4334</v>
      </c>
      <c r="J17" s="70">
        <v>9</v>
      </c>
      <c r="K17" s="72">
        <v>3.34</v>
      </c>
      <c r="L17" s="71">
        <v>4334</v>
      </c>
      <c r="M17" s="70">
        <v>14</v>
      </c>
      <c r="N17" s="69">
        <v>0</v>
      </c>
      <c r="O17" s="40">
        <v>5037</v>
      </c>
      <c r="P17" s="39">
        <v>10</v>
      </c>
      <c r="Q17" s="38">
        <v>16.22</v>
      </c>
      <c r="R17" s="25"/>
      <c r="S17" s="25"/>
    </row>
    <row r="18" spans="1:19" ht="19.5" customHeight="1" x14ac:dyDescent="0.15">
      <c r="A18" s="49">
        <v>13</v>
      </c>
      <c r="B18" s="48" t="s">
        <v>30</v>
      </c>
      <c r="C18" s="75">
        <v>3963</v>
      </c>
      <c r="D18" s="74">
        <v>11</v>
      </c>
      <c r="E18" s="73">
        <v>1.88</v>
      </c>
      <c r="F18" s="75">
        <v>3785</v>
      </c>
      <c r="G18" s="74">
        <v>12</v>
      </c>
      <c r="H18" s="73">
        <v>-4.49</v>
      </c>
      <c r="I18" s="71">
        <v>4005</v>
      </c>
      <c r="J18" s="70">
        <v>13</v>
      </c>
      <c r="K18" s="72">
        <v>5.81</v>
      </c>
      <c r="L18" s="71">
        <v>4055</v>
      </c>
      <c r="M18" s="70">
        <v>20</v>
      </c>
      <c r="N18" s="69">
        <v>1.25</v>
      </c>
      <c r="O18" s="40">
        <v>4116</v>
      </c>
      <c r="P18" s="39">
        <v>22</v>
      </c>
      <c r="Q18" s="38">
        <v>1.5</v>
      </c>
      <c r="R18" s="25"/>
      <c r="S18" s="25"/>
    </row>
    <row r="19" spans="1:19" ht="19.5" customHeight="1" x14ac:dyDescent="0.15">
      <c r="A19" s="49">
        <v>14</v>
      </c>
      <c r="B19" s="48" t="s">
        <v>29</v>
      </c>
      <c r="C19" s="75">
        <v>4392</v>
      </c>
      <c r="D19" s="74">
        <v>9</v>
      </c>
      <c r="E19" s="73">
        <v>-4.71</v>
      </c>
      <c r="F19" s="75">
        <v>4238</v>
      </c>
      <c r="G19" s="74">
        <v>8</v>
      </c>
      <c r="H19" s="73">
        <v>-3.51</v>
      </c>
      <c r="I19" s="71">
        <v>4516</v>
      </c>
      <c r="J19" s="70">
        <v>8</v>
      </c>
      <c r="K19" s="72">
        <v>6.56</v>
      </c>
      <c r="L19" s="71">
        <v>4403</v>
      </c>
      <c r="M19" s="70">
        <v>13</v>
      </c>
      <c r="N19" s="69">
        <v>-2.5</v>
      </c>
      <c r="O19" s="40">
        <v>4279</v>
      </c>
      <c r="P19" s="39">
        <v>20</v>
      </c>
      <c r="Q19" s="38">
        <v>-2.82</v>
      </c>
      <c r="R19" s="25"/>
      <c r="S19" s="25"/>
    </row>
    <row r="20" spans="1:19" ht="19.5" customHeight="1" x14ac:dyDescent="0.15">
      <c r="A20" s="49">
        <v>15</v>
      </c>
      <c r="B20" s="48" t="s">
        <v>28</v>
      </c>
      <c r="C20" s="75">
        <v>4778</v>
      </c>
      <c r="D20" s="74">
        <v>6</v>
      </c>
      <c r="E20" s="73">
        <v>4.53</v>
      </c>
      <c r="F20" s="75">
        <v>4485</v>
      </c>
      <c r="G20" s="74">
        <v>6</v>
      </c>
      <c r="H20" s="73">
        <v>-6.13</v>
      </c>
      <c r="I20" s="71">
        <v>4716</v>
      </c>
      <c r="J20" s="70">
        <v>7</v>
      </c>
      <c r="K20" s="72">
        <v>5.15</v>
      </c>
      <c r="L20" s="71">
        <v>5159</v>
      </c>
      <c r="M20" s="70">
        <v>8</v>
      </c>
      <c r="N20" s="69">
        <v>9.39</v>
      </c>
      <c r="O20" s="40">
        <v>5168</v>
      </c>
      <c r="P20" s="39">
        <v>8</v>
      </c>
      <c r="Q20" s="38">
        <v>0.17</v>
      </c>
      <c r="R20" s="25"/>
      <c r="S20" s="25"/>
    </row>
    <row r="21" spans="1:19" ht="19.5" customHeight="1" x14ac:dyDescent="0.15">
      <c r="A21" s="49">
        <v>16</v>
      </c>
      <c r="B21" s="48" t="s">
        <v>27</v>
      </c>
      <c r="C21" s="75">
        <v>3181</v>
      </c>
      <c r="D21" s="74">
        <v>25</v>
      </c>
      <c r="E21" s="73">
        <v>-5.89</v>
      </c>
      <c r="F21" s="75">
        <v>3551</v>
      </c>
      <c r="G21" s="74">
        <v>14</v>
      </c>
      <c r="H21" s="73">
        <v>11.63</v>
      </c>
      <c r="I21" s="71">
        <v>3712</v>
      </c>
      <c r="J21" s="70">
        <v>22</v>
      </c>
      <c r="K21" s="72">
        <v>4.53</v>
      </c>
      <c r="L21" s="71">
        <v>4965</v>
      </c>
      <c r="M21" s="70">
        <v>9</v>
      </c>
      <c r="N21" s="69">
        <v>33.76</v>
      </c>
      <c r="O21" s="40">
        <v>5155</v>
      </c>
      <c r="P21" s="39">
        <v>9</v>
      </c>
      <c r="Q21" s="38">
        <v>3.83</v>
      </c>
      <c r="R21" s="25"/>
      <c r="S21" s="25"/>
    </row>
    <row r="22" spans="1:19" ht="19.5" customHeight="1" x14ac:dyDescent="0.15">
      <c r="A22" s="49">
        <v>17</v>
      </c>
      <c r="B22" s="48" t="s">
        <v>26</v>
      </c>
      <c r="C22" s="75">
        <v>2651</v>
      </c>
      <c r="D22" s="74">
        <v>30</v>
      </c>
      <c r="E22" s="73">
        <v>3.39</v>
      </c>
      <c r="F22" s="75">
        <v>2708</v>
      </c>
      <c r="G22" s="74">
        <v>27</v>
      </c>
      <c r="H22" s="73">
        <v>2.15</v>
      </c>
      <c r="I22" s="71">
        <v>3083</v>
      </c>
      <c r="J22" s="70">
        <v>28</v>
      </c>
      <c r="K22" s="72">
        <v>13.85</v>
      </c>
      <c r="L22" s="71">
        <v>3153</v>
      </c>
      <c r="M22" s="70">
        <v>29</v>
      </c>
      <c r="N22" s="69">
        <v>2.27</v>
      </c>
      <c r="O22" s="40">
        <v>3280</v>
      </c>
      <c r="P22" s="39">
        <v>28</v>
      </c>
      <c r="Q22" s="38">
        <v>4.03</v>
      </c>
      <c r="R22" s="25"/>
      <c r="S22" s="25"/>
    </row>
    <row r="23" spans="1:19" ht="19.5" customHeight="1" x14ac:dyDescent="0.15">
      <c r="A23" s="49">
        <v>18</v>
      </c>
      <c r="B23" s="48" t="s">
        <v>25</v>
      </c>
      <c r="C23" s="75">
        <v>2776</v>
      </c>
      <c r="D23" s="74">
        <v>29</v>
      </c>
      <c r="E23" s="73">
        <v>17.13</v>
      </c>
      <c r="F23" s="75">
        <v>3526</v>
      </c>
      <c r="G23" s="74">
        <v>15</v>
      </c>
      <c r="H23" s="73">
        <v>27.02</v>
      </c>
      <c r="I23" s="71">
        <v>3797</v>
      </c>
      <c r="J23" s="70">
        <v>19</v>
      </c>
      <c r="K23" s="72">
        <v>7.69</v>
      </c>
      <c r="L23" s="71">
        <v>3866</v>
      </c>
      <c r="M23" s="70">
        <v>23</v>
      </c>
      <c r="N23" s="69">
        <v>1.82</v>
      </c>
      <c r="O23" s="40">
        <v>4481</v>
      </c>
      <c r="P23" s="39">
        <v>14</v>
      </c>
      <c r="Q23" s="38">
        <v>15.91</v>
      </c>
      <c r="R23" s="25"/>
      <c r="S23" s="25"/>
    </row>
    <row r="24" spans="1:19" ht="19.5" customHeight="1" x14ac:dyDescent="0.15">
      <c r="A24" s="49">
        <v>19</v>
      </c>
      <c r="B24" s="48" t="s">
        <v>24</v>
      </c>
      <c r="C24" s="47">
        <v>2383</v>
      </c>
      <c r="D24" s="46">
        <v>32</v>
      </c>
      <c r="E24" s="45">
        <v>-5.36</v>
      </c>
      <c r="F24" s="47">
        <v>2030</v>
      </c>
      <c r="G24" s="46">
        <v>33</v>
      </c>
      <c r="H24" s="45">
        <v>-14.81</v>
      </c>
      <c r="I24" s="43">
        <v>2575</v>
      </c>
      <c r="J24" s="42">
        <v>32</v>
      </c>
      <c r="K24" s="44">
        <v>26.85</v>
      </c>
      <c r="L24" s="43">
        <v>2669</v>
      </c>
      <c r="M24" s="42">
        <v>32</v>
      </c>
      <c r="N24" s="41">
        <v>3.65</v>
      </c>
      <c r="O24" s="77">
        <v>2809</v>
      </c>
      <c r="P24" s="76">
        <v>31</v>
      </c>
      <c r="Q24" s="38">
        <v>5.25</v>
      </c>
      <c r="R24" s="25"/>
      <c r="S24" s="25"/>
    </row>
    <row r="25" spans="1:19" ht="19.5" customHeight="1" x14ac:dyDescent="0.15">
      <c r="A25" s="49">
        <v>20</v>
      </c>
      <c r="B25" s="48" t="s">
        <v>23</v>
      </c>
      <c r="C25" s="75">
        <v>3547</v>
      </c>
      <c r="D25" s="74">
        <v>17</v>
      </c>
      <c r="E25" s="73">
        <v>28.56</v>
      </c>
      <c r="F25" s="75">
        <v>4253</v>
      </c>
      <c r="G25" s="74">
        <v>7</v>
      </c>
      <c r="H25" s="73">
        <v>19.899999999999999</v>
      </c>
      <c r="I25" s="71">
        <v>4200</v>
      </c>
      <c r="J25" s="70">
        <v>11</v>
      </c>
      <c r="K25" s="72">
        <v>-1.25</v>
      </c>
      <c r="L25" s="71">
        <v>4458</v>
      </c>
      <c r="M25" s="70">
        <v>11</v>
      </c>
      <c r="N25" s="69">
        <v>6.14</v>
      </c>
      <c r="O25" s="40">
        <v>4998</v>
      </c>
      <c r="P25" s="39">
        <v>11</v>
      </c>
      <c r="Q25" s="38">
        <v>12.11</v>
      </c>
      <c r="R25" s="25"/>
      <c r="S25" s="25"/>
    </row>
    <row r="26" spans="1:19" ht="19.5" customHeight="1" x14ac:dyDescent="0.15">
      <c r="A26" s="49">
        <v>21</v>
      </c>
      <c r="B26" s="48" t="s">
        <v>22</v>
      </c>
      <c r="C26" s="75">
        <v>3350</v>
      </c>
      <c r="D26" s="74">
        <v>21</v>
      </c>
      <c r="E26" s="73">
        <v>-1.76</v>
      </c>
      <c r="F26" s="75">
        <v>3268</v>
      </c>
      <c r="G26" s="74">
        <v>19</v>
      </c>
      <c r="H26" s="73">
        <v>-2.4500000000000002</v>
      </c>
      <c r="I26" s="71">
        <v>3933</v>
      </c>
      <c r="J26" s="70">
        <v>16</v>
      </c>
      <c r="K26" s="72">
        <v>20.350000000000001</v>
      </c>
      <c r="L26" s="71">
        <v>4252</v>
      </c>
      <c r="M26" s="70">
        <v>15</v>
      </c>
      <c r="N26" s="69">
        <v>8.11</v>
      </c>
      <c r="O26" s="40">
        <v>4373</v>
      </c>
      <c r="P26" s="39">
        <v>18</v>
      </c>
      <c r="Q26" s="38">
        <v>2.85</v>
      </c>
      <c r="R26" s="25"/>
      <c r="S26" s="25"/>
    </row>
    <row r="27" spans="1:19" ht="19.5" customHeight="1" x14ac:dyDescent="0.15">
      <c r="A27" s="49">
        <v>22</v>
      </c>
      <c r="B27" s="48" t="s">
        <v>21</v>
      </c>
      <c r="C27" s="75">
        <v>3314</v>
      </c>
      <c r="D27" s="74">
        <v>23</v>
      </c>
      <c r="E27" s="73">
        <v>10.76</v>
      </c>
      <c r="F27" s="75">
        <v>3041</v>
      </c>
      <c r="G27" s="74">
        <v>23</v>
      </c>
      <c r="H27" s="73">
        <v>-8.24</v>
      </c>
      <c r="I27" s="71">
        <v>3255</v>
      </c>
      <c r="J27" s="70">
        <v>27</v>
      </c>
      <c r="K27" s="72">
        <v>7.04</v>
      </c>
      <c r="L27" s="71">
        <v>3382</v>
      </c>
      <c r="M27" s="70">
        <v>26</v>
      </c>
      <c r="N27" s="69">
        <v>3.9</v>
      </c>
      <c r="O27" s="40">
        <v>3830</v>
      </c>
      <c r="P27" s="39">
        <v>23</v>
      </c>
      <c r="Q27" s="38">
        <v>13.25</v>
      </c>
      <c r="R27" s="25"/>
      <c r="S27" s="25"/>
    </row>
    <row r="28" spans="1:19" ht="19.5" customHeight="1" x14ac:dyDescent="0.15">
      <c r="A28" s="49">
        <v>23</v>
      </c>
      <c r="B28" s="48" t="s">
        <v>20</v>
      </c>
      <c r="C28" s="75">
        <v>4796</v>
      </c>
      <c r="D28" s="74">
        <v>4</v>
      </c>
      <c r="E28" s="73">
        <v>17.98</v>
      </c>
      <c r="F28" s="75">
        <v>3908</v>
      </c>
      <c r="G28" s="74">
        <v>11</v>
      </c>
      <c r="H28" s="73">
        <v>-18.52</v>
      </c>
      <c r="I28" s="71">
        <v>4261</v>
      </c>
      <c r="J28" s="70">
        <v>10</v>
      </c>
      <c r="K28" s="72">
        <v>9.0299999999999994</v>
      </c>
      <c r="L28" s="71">
        <v>4520</v>
      </c>
      <c r="M28" s="70">
        <v>10</v>
      </c>
      <c r="N28" s="69">
        <v>6.08</v>
      </c>
      <c r="O28" s="40">
        <v>4991</v>
      </c>
      <c r="P28" s="39">
        <v>12</v>
      </c>
      <c r="Q28" s="38">
        <v>10.42</v>
      </c>
      <c r="R28" s="25"/>
      <c r="S28" s="25"/>
    </row>
    <row r="29" spans="1:19" ht="19.5" customHeight="1" x14ac:dyDescent="0.15">
      <c r="A29" s="49">
        <v>24</v>
      </c>
      <c r="B29" s="48" t="s">
        <v>19</v>
      </c>
      <c r="C29" s="75">
        <v>3809</v>
      </c>
      <c r="D29" s="74">
        <v>14</v>
      </c>
      <c r="E29" s="73">
        <v>1.38</v>
      </c>
      <c r="F29" s="75">
        <v>3073</v>
      </c>
      <c r="G29" s="74">
        <v>22</v>
      </c>
      <c r="H29" s="73">
        <v>-19.32</v>
      </c>
      <c r="I29" s="71">
        <v>4918</v>
      </c>
      <c r="J29" s="70">
        <v>6</v>
      </c>
      <c r="K29" s="72">
        <v>60.04</v>
      </c>
      <c r="L29" s="71">
        <v>6377</v>
      </c>
      <c r="M29" s="70">
        <v>3</v>
      </c>
      <c r="N29" s="69">
        <v>29.67</v>
      </c>
      <c r="O29" s="40">
        <v>6348</v>
      </c>
      <c r="P29" s="39">
        <v>4</v>
      </c>
      <c r="Q29" s="38">
        <v>-0.45</v>
      </c>
      <c r="R29" s="25"/>
      <c r="S29" s="25"/>
    </row>
    <row r="30" spans="1:19" ht="19.5" customHeight="1" x14ac:dyDescent="0.15">
      <c r="A30" s="49">
        <v>25</v>
      </c>
      <c r="B30" s="48" t="s">
        <v>18</v>
      </c>
      <c r="C30" s="75">
        <v>3550</v>
      </c>
      <c r="D30" s="74">
        <v>16</v>
      </c>
      <c r="E30" s="73">
        <v>16.28</v>
      </c>
      <c r="F30" s="75">
        <v>3476</v>
      </c>
      <c r="G30" s="74">
        <v>16</v>
      </c>
      <c r="H30" s="73">
        <v>-2.08</v>
      </c>
      <c r="I30" s="71">
        <v>3746</v>
      </c>
      <c r="J30" s="70">
        <v>20</v>
      </c>
      <c r="K30" s="72">
        <v>7.77</v>
      </c>
      <c r="L30" s="71">
        <v>5224</v>
      </c>
      <c r="M30" s="70">
        <v>7</v>
      </c>
      <c r="N30" s="69">
        <v>39.46</v>
      </c>
      <c r="O30" s="40">
        <v>5728</v>
      </c>
      <c r="P30" s="39">
        <v>6</v>
      </c>
      <c r="Q30" s="38">
        <v>9.65</v>
      </c>
      <c r="R30" s="25"/>
      <c r="S30" s="25"/>
    </row>
    <row r="31" spans="1:19" ht="19.5" customHeight="1" x14ac:dyDescent="0.15">
      <c r="A31" s="49">
        <v>26</v>
      </c>
      <c r="B31" s="48" t="s">
        <v>17</v>
      </c>
      <c r="C31" s="75">
        <v>5583</v>
      </c>
      <c r="D31" s="74">
        <v>2</v>
      </c>
      <c r="E31" s="73">
        <v>46.46</v>
      </c>
      <c r="F31" s="75">
        <v>6146</v>
      </c>
      <c r="G31" s="74">
        <v>1</v>
      </c>
      <c r="H31" s="73">
        <v>10.08</v>
      </c>
      <c r="I31" s="71">
        <v>6199</v>
      </c>
      <c r="J31" s="70">
        <v>1</v>
      </c>
      <c r="K31" s="72">
        <v>0.86</v>
      </c>
      <c r="L31" s="71">
        <v>6685</v>
      </c>
      <c r="M31" s="70">
        <v>2</v>
      </c>
      <c r="N31" s="69">
        <v>7.84</v>
      </c>
      <c r="O31" s="40">
        <v>9029</v>
      </c>
      <c r="P31" s="39">
        <v>1</v>
      </c>
      <c r="Q31" s="38">
        <v>35.06</v>
      </c>
      <c r="R31" s="25"/>
      <c r="S31" s="25"/>
    </row>
    <row r="32" spans="1:19" ht="19.5" customHeight="1" x14ac:dyDescent="0.15">
      <c r="A32" s="49">
        <v>27</v>
      </c>
      <c r="B32" s="48" t="s">
        <v>16</v>
      </c>
      <c r="C32" s="75">
        <v>4457</v>
      </c>
      <c r="D32" s="74">
        <v>8</v>
      </c>
      <c r="E32" s="73">
        <v>0.59</v>
      </c>
      <c r="F32" s="75">
        <v>2140</v>
      </c>
      <c r="G32" s="74">
        <v>31</v>
      </c>
      <c r="H32" s="73">
        <v>-51.99</v>
      </c>
      <c r="I32" s="71">
        <v>4031</v>
      </c>
      <c r="J32" s="70">
        <v>12</v>
      </c>
      <c r="K32" s="72">
        <v>88.36</v>
      </c>
      <c r="L32" s="71">
        <v>4405</v>
      </c>
      <c r="M32" s="70">
        <v>12</v>
      </c>
      <c r="N32" s="69">
        <v>9.2799999999999994</v>
      </c>
      <c r="O32" s="40">
        <v>4843</v>
      </c>
      <c r="P32" s="39">
        <v>13</v>
      </c>
      <c r="Q32" s="38">
        <v>9.94</v>
      </c>
      <c r="R32" s="25"/>
      <c r="S32" s="25"/>
    </row>
    <row r="33" spans="1:19" ht="19.5" customHeight="1" x14ac:dyDescent="0.15">
      <c r="A33" s="49">
        <v>28</v>
      </c>
      <c r="B33" s="48" t="s">
        <v>15</v>
      </c>
      <c r="C33" s="75">
        <v>5426</v>
      </c>
      <c r="D33" s="74">
        <v>3</v>
      </c>
      <c r="E33" s="73">
        <v>17.68</v>
      </c>
      <c r="F33" s="75">
        <v>3698</v>
      </c>
      <c r="G33" s="74">
        <v>13</v>
      </c>
      <c r="H33" s="73">
        <v>-31.85</v>
      </c>
      <c r="I33" s="71">
        <v>4996</v>
      </c>
      <c r="J33" s="70">
        <v>5</v>
      </c>
      <c r="K33" s="72">
        <v>35.1</v>
      </c>
      <c r="L33" s="71">
        <v>5245</v>
      </c>
      <c r="M33" s="70">
        <v>6</v>
      </c>
      <c r="N33" s="69">
        <v>4.9800000000000004</v>
      </c>
      <c r="O33" s="40">
        <v>2778</v>
      </c>
      <c r="P33" s="39">
        <v>32</v>
      </c>
      <c r="Q33" s="38">
        <v>-47.04</v>
      </c>
      <c r="R33" s="25"/>
      <c r="S33" s="25"/>
    </row>
    <row r="34" spans="1:19" ht="19.5" customHeight="1" x14ac:dyDescent="0.15">
      <c r="A34" s="49">
        <v>29</v>
      </c>
      <c r="B34" s="48" t="s">
        <v>14</v>
      </c>
      <c r="C34" s="75">
        <v>3229</v>
      </c>
      <c r="D34" s="74">
        <v>24</v>
      </c>
      <c r="E34" s="73">
        <v>2.61</v>
      </c>
      <c r="F34" s="75">
        <v>4863</v>
      </c>
      <c r="G34" s="74">
        <v>5</v>
      </c>
      <c r="H34" s="73">
        <v>50.6</v>
      </c>
      <c r="I34" s="71">
        <v>5705</v>
      </c>
      <c r="J34" s="70">
        <v>3</v>
      </c>
      <c r="K34" s="72">
        <v>17.309999999999999</v>
      </c>
      <c r="L34" s="71">
        <v>5688</v>
      </c>
      <c r="M34" s="70">
        <v>5</v>
      </c>
      <c r="N34" s="69">
        <v>-0.3</v>
      </c>
      <c r="O34" s="40">
        <v>7810</v>
      </c>
      <c r="P34" s="39">
        <v>2</v>
      </c>
      <c r="Q34" s="38">
        <v>37.31</v>
      </c>
      <c r="R34" s="25"/>
      <c r="S34" s="25"/>
    </row>
    <row r="35" spans="1:19" ht="19.5" customHeight="1" x14ac:dyDescent="0.15">
      <c r="A35" s="49">
        <v>30</v>
      </c>
      <c r="B35" s="48" t="s">
        <v>13</v>
      </c>
      <c r="C35" s="75">
        <v>3616</v>
      </c>
      <c r="D35" s="74">
        <v>15</v>
      </c>
      <c r="E35" s="73">
        <v>-5.66</v>
      </c>
      <c r="F35" s="75">
        <v>4874</v>
      </c>
      <c r="G35" s="74">
        <v>4</v>
      </c>
      <c r="H35" s="73">
        <v>34.79</v>
      </c>
      <c r="I35" s="71">
        <v>3536</v>
      </c>
      <c r="J35" s="70">
        <v>23</v>
      </c>
      <c r="K35" s="72">
        <v>-27.45</v>
      </c>
      <c r="L35" s="71">
        <v>3915</v>
      </c>
      <c r="M35" s="70">
        <v>22</v>
      </c>
      <c r="N35" s="69">
        <v>10.72</v>
      </c>
      <c r="O35" s="40">
        <v>3639</v>
      </c>
      <c r="P35" s="39">
        <v>25</v>
      </c>
      <c r="Q35" s="38">
        <v>-7.05</v>
      </c>
      <c r="R35" s="25"/>
      <c r="S35" s="25"/>
    </row>
    <row r="36" spans="1:19" ht="19.5" customHeight="1" x14ac:dyDescent="0.15">
      <c r="A36" s="49">
        <v>31</v>
      </c>
      <c r="B36" s="48" t="s">
        <v>12</v>
      </c>
      <c r="C36" s="75">
        <v>3947</v>
      </c>
      <c r="D36" s="74">
        <v>12</v>
      </c>
      <c r="E36" s="73">
        <v>8.14</v>
      </c>
      <c r="F36" s="75">
        <v>2995</v>
      </c>
      <c r="G36" s="74">
        <v>24</v>
      </c>
      <c r="H36" s="73">
        <v>-24.12</v>
      </c>
      <c r="I36" s="71">
        <v>3833</v>
      </c>
      <c r="J36" s="70">
        <v>18</v>
      </c>
      <c r="K36" s="72">
        <v>27.98</v>
      </c>
      <c r="L36" s="71">
        <v>4181</v>
      </c>
      <c r="M36" s="70">
        <v>17</v>
      </c>
      <c r="N36" s="69">
        <v>9.08</v>
      </c>
      <c r="O36" s="40">
        <v>4415</v>
      </c>
      <c r="P36" s="39">
        <v>17</v>
      </c>
      <c r="Q36" s="38">
        <v>5.6</v>
      </c>
      <c r="R36" s="25"/>
      <c r="S36" s="25"/>
    </row>
    <row r="37" spans="1:19" ht="19.5" customHeight="1" x14ac:dyDescent="0.15">
      <c r="A37" s="49">
        <v>32</v>
      </c>
      <c r="B37" s="48" t="s">
        <v>11</v>
      </c>
      <c r="C37" s="75">
        <v>4782</v>
      </c>
      <c r="D37" s="74">
        <v>5</v>
      </c>
      <c r="E37" s="73">
        <v>3.35</v>
      </c>
      <c r="F37" s="75">
        <v>4933</v>
      </c>
      <c r="G37" s="74">
        <v>3</v>
      </c>
      <c r="H37" s="73">
        <v>3.16</v>
      </c>
      <c r="I37" s="71">
        <v>5364</v>
      </c>
      <c r="J37" s="70">
        <v>4</v>
      </c>
      <c r="K37" s="72">
        <v>8.74</v>
      </c>
      <c r="L37" s="71">
        <v>7133</v>
      </c>
      <c r="M37" s="70">
        <v>1</v>
      </c>
      <c r="N37" s="69">
        <v>32.979999999999997</v>
      </c>
      <c r="O37" s="40">
        <v>7246</v>
      </c>
      <c r="P37" s="39">
        <v>3</v>
      </c>
      <c r="Q37" s="38">
        <v>1.58</v>
      </c>
      <c r="R37" s="25"/>
      <c r="S37" s="25"/>
    </row>
    <row r="38" spans="1:19" ht="19.5" customHeight="1" thickBot="1" x14ac:dyDescent="0.2">
      <c r="A38" s="37">
        <v>33</v>
      </c>
      <c r="B38" s="36" t="s">
        <v>10</v>
      </c>
      <c r="C38" s="68">
        <v>5834</v>
      </c>
      <c r="D38" s="67">
        <v>1</v>
      </c>
      <c r="E38" s="66">
        <v>1.1100000000000001</v>
      </c>
      <c r="F38" s="68">
        <v>5454</v>
      </c>
      <c r="G38" s="67">
        <v>2</v>
      </c>
      <c r="H38" s="66">
        <v>-6.51</v>
      </c>
      <c r="I38" s="64">
        <v>5929</v>
      </c>
      <c r="J38" s="63">
        <v>2</v>
      </c>
      <c r="K38" s="65">
        <v>8.7100000000000009</v>
      </c>
      <c r="L38" s="64">
        <v>5787</v>
      </c>
      <c r="M38" s="63">
        <v>4</v>
      </c>
      <c r="N38" s="62">
        <v>-2.4</v>
      </c>
      <c r="O38" s="28">
        <v>5988</v>
      </c>
      <c r="P38" s="27">
        <v>5</v>
      </c>
      <c r="Q38" s="26">
        <v>3.47</v>
      </c>
      <c r="R38" s="25"/>
      <c r="S38" s="25"/>
    </row>
    <row r="39" spans="1:19" ht="19.5" customHeight="1" thickTop="1" x14ac:dyDescent="0.15">
      <c r="A39" s="61">
        <v>301</v>
      </c>
      <c r="B39" s="60" t="s">
        <v>9</v>
      </c>
      <c r="C39" s="59">
        <v>11119</v>
      </c>
      <c r="D39" s="58">
        <v>3</v>
      </c>
      <c r="E39" s="57">
        <v>3.1</v>
      </c>
      <c r="F39" s="59">
        <v>10295</v>
      </c>
      <c r="G39" s="58">
        <v>1</v>
      </c>
      <c r="H39" s="57">
        <v>-7.41</v>
      </c>
      <c r="I39" s="55">
        <v>11201</v>
      </c>
      <c r="J39" s="54">
        <v>2</v>
      </c>
      <c r="K39" s="56">
        <v>8.8000000000000007</v>
      </c>
      <c r="L39" s="55">
        <v>12348</v>
      </c>
      <c r="M39" s="54">
        <v>2</v>
      </c>
      <c r="N39" s="53">
        <v>10.24</v>
      </c>
      <c r="O39" s="52">
        <v>12485</v>
      </c>
      <c r="P39" s="51">
        <v>1</v>
      </c>
      <c r="Q39" s="50">
        <v>1.1100000000000001</v>
      </c>
      <c r="R39" s="25"/>
      <c r="S39" s="25"/>
    </row>
    <row r="40" spans="1:19" ht="19.5" customHeight="1" x14ac:dyDescent="0.15">
      <c r="A40" s="49">
        <v>302</v>
      </c>
      <c r="B40" s="48" t="s">
        <v>8</v>
      </c>
      <c r="C40" s="47">
        <v>11576</v>
      </c>
      <c r="D40" s="46">
        <v>1</v>
      </c>
      <c r="E40" s="45">
        <v>2.62</v>
      </c>
      <c r="F40" s="47">
        <v>8489</v>
      </c>
      <c r="G40" s="46">
        <v>4</v>
      </c>
      <c r="H40" s="45">
        <v>-26.67</v>
      </c>
      <c r="I40" s="43">
        <v>11953</v>
      </c>
      <c r="J40" s="42">
        <v>1</v>
      </c>
      <c r="K40" s="44">
        <v>40.81</v>
      </c>
      <c r="L40" s="43">
        <v>12621</v>
      </c>
      <c r="M40" s="42">
        <v>1</v>
      </c>
      <c r="N40" s="41">
        <v>5.59</v>
      </c>
      <c r="O40" s="40">
        <v>12240</v>
      </c>
      <c r="P40" s="39">
        <v>2</v>
      </c>
      <c r="Q40" s="38">
        <v>-3.02</v>
      </c>
      <c r="R40" s="25"/>
      <c r="S40" s="25"/>
    </row>
    <row r="41" spans="1:19" ht="19.5" customHeight="1" x14ac:dyDescent="0.15">
      <c r="A41" s="49">
        <v>303</v>
      </c>
      <c r="B41" s="48" t="s">
        <v>7</v>
      </c>
      <c r="C41" s="47">
        <v>5055</v>
      </c>
      <c r="D41" s="46">
        <v>6</v>
      </c>
      <c r="E41" s="45">
        <v>8.11</v>
      </c>
      <c r="F41" s="47">
        <v>4595</v>
      </c>
      <c r="G41" s="46">
        <v>6</v>
      </c>
      <c r="H41" s="45">
        <v>-9.1</v>
      </c>
      <c r="I41" s="43">
        <v>5562</v>
      </c>
      <c r="J41" s="42">
        <v>6</v>
      </c>
      <c r="K41" s="44">
        <v>21.04</v>
      </c>
      <c r="L41" s="43">
        <v>5502</v>
      </c>
      <c r="M41" s="42">
        <v>6</v>
      </c>
      <c r="N41" s="41">
        <v>-1.08</v>
      </c>
      <c r="O41" s="40">
        <v>6157</v>
      </c>
      <c r="P41" s="39">
        <v>6</v>
      </c>
      <c r="Q41" s="38">
        <v>11.9</v>
      </c>
      <c r="R41" s="25"/>
      <c r="S41" s="25"/>
    </row>
    <row r="42" spans="1:19" ht="19.5" customHeight="1" x14ac:dyDescent="0.15">
      <c r="A42" s="49">
        <v>304</v>
      </c>
      <c r="B42" s="48" t="s">
        <v>6</v>
      </c>
      <c r="C42" s="47">
        <v>9272</v>
      </c>
      <c r="D42" s="46">
        <v>4</v>
      </c>
      <c r="E42" s="45">
        <v>-1.41</v>
      </c>
      <c r="F42" s="47">
        <v>9048</v>
      </c>
      <c r="G42" s="46">
        <v>3</v>
      </c>
      <c r="H42" s="45">
        <v>-2.42</v>
      </c>
      <c r="I42" s="43">
        <v>10343</v>
      </c>
      <c r="J42" s="42">
        <v>4</v>
      </c>
      <c r="K42" s="44">
        <v>14.31</v>
      </c>
      <c r="L42" s="43">
        <v>10767</v>
      </c>
      <c r="M42" s="42">
        <v>4</v>
      </c>
      <c r="N42" s="41">
        <v>4.0999999999999996</v>
      </c>
      <c r="O42" s="40">
        <v>10840</v>
      </c>
      <c r="P42" s="39">
        <v>4</v>
      </c>
      <c r="Q42" s="38">
        <v>0.68</v>
      </c>
      <c r="R42" s="25"/>
      <c r="S42" s="25"/>
    </row>
    <row r="43" spans="1:19" ht="19.5" customHeight="1" x14ac:dyDescent="0.15">
      <c r="A43" s="49">
        <v>305</v>
      </c>
      <c r="B43" s="48" t="s">
        <v>5</v>
      </c>
      <c r="C43" s="47">
        <v>11304</v>
      </c>
      <c r="D43" s="46">
        <v>2</v>
      </c>
      <c r="E43" s="45">
        <v>2.89</v>
      </c>
      <c r="F43" s="47">
        <v>9654</v>
      </c>
      <c r="G43" s="46">
        <v>2</v>
      </c>
      <c r="H43" s="45">
        <v>-14.6</v>
      </c>
      <c r="I43" s="43">
        <v>10826</v>
      </c>
      <c r="J43" s="42">
        <v>3</v>
      </c>
      <c r="K43" s="44">
        <v>12.14</v>
      </c>
      <c r="L43" s="43">
        <v>11362</v>
      </c>
      <c r="M43" s="42">
        <v>3</v>
      </c>
      <c r="N43" s="41">
        <v>4.95</v>
      </c>
      <c r="O43" s="40">
        <v>11711</v>
      </c>
      <c r="P43" s="39">
        <v>3</v>
      </c>
      <c r="Q43" s="38">
        <v>3.07</v>
      </c>
      <c r="R43" s="25"/>
      <c r="S43" s="25"/>
    </row>
    <row r="44" spans="1:19" ht="19.5" customHeight="1" thickBot="1" x14ac:dyDescent="0.2">
      <c r="A44" s="37">
        <v>306</v>
      </c>
      <c r="B44" s="36" t="s">
        <v>4</v>
      </c>
      <c r="C44" s="35">
        <v>7011</v>
      </c>
      <c r="D44" s="34">
        <v>5</v>
      </c>
      <c r="E44" s="33">
        <v>1.4</v>
      </c>
      <c r="F44" s="35">
        <v>6171</v>
      </c>
      <c r="G44" s="34">
        <v>5</v>
      </c>
      <c r="H44" s="33">
        <v>-11.98</v>
      </c>
      <c r="I44" s="31">
        <v>7014</v>
      </c>
      <c r="J44" s="30">
        <v>5</v>
      </c>
      <c r="K44" s="32">
        <v>13.66</v>
      </c>
      <c r="L44" s="31">
        <v>7211</v>
      </c>
      <c r="M44" s="30">
        <v>5</v>
      </c>
      <c r="N44" s="29">
        <v>2.81</v>
      </c>
      <c r="O44" s="28">
        <v>7572</v>
      </c>
      <c r="P44" s="27">
        <v>5</v>
      </c>
      <c r="Q44" s="26">
        <v>5.01</v>
      </c>
      <c r="R44" s="25"/>
      <c r="S44" s="25"/>
    </row>
    <row r="45" spans="1:19" ht="19.5" customHeight="1" thickTop="1" thickBot="1" x14ac:dyDescent="0.2">
      <c r="A45" s="183" t="s">
        <v>3</v>
      </c>
      <c r="B45" s="184"/>
      <c r="C45" s="23">
        <v>2998</v>
      </c>
      <c r="D45" s="22" t="s">
        <v>0</v>
      </c>
      <c r="E45" s="21">
        <v>7</v>
      </c>
      <c r="F45" s="23">
        <v>2782</v>
      </c>
      <c r="G45" s="22" t="s">
        <v>0</v>
      </c>
      <c r="H45" s="21">
        <v>-7.2</v>
      </c>
      <c r="I45" s="18">
        <v>3012</v>
      </c>
      <c r="J45" s="20" t="s">
        <v>0</v>
      </c>
      <c r="K45" s="19">
        <v>8.27</v>
      </c>
      <c r="L45" s="18">
        <v>3212</v>
      </c>
      <c r="M45" s="17" t="s">
        <v>0</v>
      </c>
      <c r="N45" s="16">
        <v>6.64</v>
      </c>
      <c r="O45" s="15">
        <v>3373</v>
      </c>
      <c r="P45" s="14" t="s">
        <v>0</v>
      </c>
      <c r="Q45" s="24">
        <v>5.01</v>
      </c>
    </row>
    <row r="46" spans="1:19" ht="19.5" customHeight="1" thickTop="1" thickBot="1" x14ac:dyDescent="0.2">
      <c r="A46" s="183" t="s">
        <v>2</v>
      </c>
      <c r="B46" s="184"/>
      <c r="C46" s="23">
        <v>8085</v>
      </c>
      <c r="D46" s="22" t="s">
        <v>0</v>
      </c>
      <c r="E46" s="21">
        <v>2.56</v>
      </c>
      <c r="F46" s="23">
        <v>6982</v>
      </c>
      <c r="G46" s="22" t="s">
        <v>0</v>
      </c>
      <c r="H46" s="21">
        <v>-13.64</v>
      </c>
      <c r="I46" s="18">
        <v>8200</v>
      </c>
      <c r="J46" s="20" t="s">
        <v>0</v>
      </c>
      <c r="K46" s="19">
        <v>17.440000000000001</v>
      </c>
      <c r="L46" s="18">
        <v>8512</v>
      </c>
      <c r="M46" s="17" t="s">
        <v>0</v>
      </c>
      <c r="N46" s="16">
        <v>3.8</v>
      </c>
      <c r="O46" s="15">
        <v>8804</v>
      </c>
      <c r="P46" s="14" t="s">
        <v>0</v>
      </c>
      <c r="Q46" s="13">
        <v>3.43</v>
      </c>
    </row>
    <row r="47" spans="1:19" ht="19.5" customHeight="1" thickTop="1" thickBot="1" x14ac:dyDescent="0.2">
      <c r="A47" s="175" t="s">
        <v>1</v>
      </c>
      <c r="B47" s="176"/>
      <c r="C47" s="12">
        <v>3345</v>
      </c>
      <c r="D47" s="11" t="s">
        <v>0</v>
      </c>
      <c r="E47" s="10">
        <v>6.53</v>
      </c>
      <c r="F47" s="12">
        <v>3073</v>
      </c>
      <c r="G47" s="11" t="s">
        <v>0</v>
      </c>
      <c r="H47" s="10">
        <v>-8.1300000000000008</v>
      </c>
      <c r="I47" s="7">
        <v>3373</v>
      </c>
      <c r="J47" s="9" t="s">
        <v>0</v>
      </c>
      <c r="K47" s="8">
        <v>9.76</v>
      </c>
      <c r="L47" s="7">
        <v>3593</v>
      </c>
      <c r="M47" s="6" t="s">
        <v>0</v>
      </c>
      <c r="N47" s="5">
        <v>6.52</v>
      </c>
      <c r="O47" s="4">
        <v>3772</v>
      </c>
      <c r="P47" s="3" t="s">
        <v>0</v>
      </c>
      <c r="Q47" s="2">
        <v>4.9800000000000004</v>
      </c>
    </row>
    <row r="48" spans="1:19" ht="13.5" customHeight="1" x14ac:dyDescent="0.15">
      <c r="A48" s="174"/>
      <c r="B48" s="174"/>
      <c r="C48" s="174"/>
      <c r="D48" s="174"/>
      <c r="E48" s="174"/>
      <c r="F48" s="174"/>
      <c r="G48" s="174"/>
      <c r="H48" s="174"/>
      <c r="I48" s="174"/>
      <c r="J48" s="174"/>
      <c r="K48" s="174"/>
      <c r="L48" s="174"/>
      <c r="M48" s="174"/>
      <c r="N48" s="174"/>
      <c r="O48" s="174"/>
      <c r="P48" s="174"/>
      <c r="Q48" s="174"/>
    </row>
  </sheetData>
  <mergeCells count="10">
    <mergeCell ref="A48:Q48"/>
    <mergeCell ref="A47:B47"/>
    <mergeCell ref="A3:B5"/>
    <mergeCell ref="A46:B46"/>
    <mergeCell ref="A45:B45"/>
    <mergeCell ref="O3:Q3"/>
    <mergeCell ref="F3:H3"/>
    <mergeCell ref="C3:E3"/>
    <mergeCell ref="I3:K3"/>
    <mergeCell ref="L3:N3"/>
  </mergeCells>
  <phoneticPr fontId="3"/>
  <printOptions horizontalCentered="1" gridLinesSet="0"/>
  <pageMargins left="0.59055118110236227" right="0.59055118110236227" top="0.59055118110236227" bottom="0.59055118110236227" header="0.35433070866141736" footer="0.19685039370078741"/>
  <pageSetup paperSize="9" scale="87" orientation="portrait" blackAndWhite="1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U47"/>
  <sheetViews>
    <sheetView view="pageBreakPreview" zoomScaleNormal="100" zoomScaleSheetLayoutView="100" workbookViewId="0">
      <pane xSplit="2" ySplit="5" topLeftCell="C6" activePane="bottomRight" state="frozen"/>
      <selection pane="topRight" activeCell="C1" sqref="C1"/>
      <selection pane="bottomLeft" activeCell="A6" sqref="A6"/>
      <selection pane="bottomRight" activeCell="T22" sqref="T22"/>
    </sheetView>
  </sheetViews>
  <sheetFormatPr defaultColWidth="9" defaultRowHeight="10.8" x14ac:dyDescent="0.15"/>
  <cols>
    <col min="1" max="1" width="3.6640625" style="1" customWidth="1"/>
    <col min="2" max="2" width="9.88671875" style="1" customWidth="1"/>
    <col min="3" max="3" width="8.109375" style="1" customWidth="1"/>
    <col min="4" max="4" width="3.109375" style="1" customWidth="1"/>
    <col min="5" max="5" width="6.6640625" style="1" customWidth="1"/>
    <col min="6" max="6" width="8.109375" style="1" customWidth="1"/>
    <col min="7" max="7" width="3.109375" style="1" customWidth="1"/>
    <col min="8" max="8" width="6.6640625" style="1" customWidth="1"/>
    <col min="9" max="9" width="8.109375" style="1" customWidth="1"/>
    <col min="10" max="10" width="3.109375" style="1" customWidth="1"/>
    <col min="11" max="11" width="6.6640625" style="1" customWidth="1"/>
    <col min="12" max="12" width="8.109375" style="1" customWidth="1"/>
    <col min="13" max="13" width="3.109375" style="1" customWidth="1"/>
    <col min="14" max="14" width="6.6640625" style="1" customWidth="1"/>
    <col min="15" max="15" width="8.109375" style="1" customWidth="1"/>
    <col min="16" max="16" width="3.109375" style="1" customWidth="1"/>
    <col min="17" max="17" width="6.6640625" style="1" customWidth="1"/>
    <col min="18" max="18" width="12" style="1" customWidth="1"/>
    <col min="19" max="19" width="9" style="153"/>
    <col min="20" max="20" width="16.88671875" style="153" customWidth="1"/>
    <col min="21" max="21" width="12.6640625" style="153" customWidth="1"/>
    <col min="22" max="16384" width="9" style="1"/>
  </cols>
  <sheetData>
    <row r="1" spans="1:21" ht="16.5" customHeight="1" x14ac:dyDescent="0.2">
      <c r="A1" s="101" t="s">
        <v>61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160"/>
    </row>
    <row r="2" spans="1:21" ht="11.1" customHeight="1" thickBot="1" x14ac:dyDescent="0.2">
      <c r="A2" s="98"/>
      <c r="B2" s="98"/>
      <c r="C2" s="99"/>
      <c r="D2" s="99"/>
      <c r="E2" s="99"/>
      <c r="F2" s="99"/>
      <c r="G2" s="99"/>
      <c r="H2" s="99"/>
      <c r="I2" s="99"/>
      <c r="J2" s="99"/>
      <c r="K2" s="99"/>
      <c r="L2" s="99"/>
      <c r="M2" s="99"/>
      <c r="N2" s="99"/>
      <c r="O2" s="98"/>
      <c r="P2" s="98"/>
      <c r="Q2" s="98"/>
    </row>
    <row r="3" spans="1:21" ht="15" customHeight="1" x14ac:dyDescent="0.2">
      <c r="A3" s="177" t="s">
        <v>51</v>
      </c>
      <c r="B3" s="199"/>
      <c r="C3" s="188" t="s">
        <v>66</v>
      </c>
      <c r="D3" s="190"/>
      <c r="E3" s="191"/>
      <c r="F3" s="188" t="s">
        <v>75</v>
      </c>
      <c r="G3" s="186"/>
      <c r="H3" s="189"/>
      <c r="I3" s="192" t="s">
        <v>70</v>
      </c>
      <c r="J3" s="204"/>
      <c r="K3" s="206"/>
      <c r="L3" s="185" t="s">
        <v>67</v>
      </c>
      <c r="M3" s="204"/>
      <c r="N3" s="206"/>
      <c r="O3" s="185" t="s">
        <v>76</v>
      </c>
      <c r="P3" s="204"/>
      <c r="Q3" s="205"/>
    </row>
    <row r="4" spans="1:21" ht="12.75" customHeight="1" x14ac:dyDescent="0.15">
      <c r="A4" s="200"/>
      <c r="B4" s="201"/>
      <c r="C4" s="95" t="s">
        <v>60</v>
      </c>
      <c r="D4" s="159" t="s">
        <v>49</v>
      </c>
      <c r="E4" s="158" t="s">
        <v>68</v>
      </c>
      <c r="F4" s="92" t="s">
        <v>60</v>
      </c>
      <c r="G4" s="157" t="s">
        <v>49</v>
      </c>
      <c r="H4" s="93" t="s">
        <v>77</v>
      </c>
      <c r="I4" s="95" t="s">
        <v>60</v>
      </c>
      <c r="J4" s="94" t="s">
        <v>49</v>
      </c>
      <c r="K4" s="156" t="s">
        <v>65</v>
      </c>
      <c r="L4" s="92" t="s">
        <v>60</v>
      </c>
      <c r="M4" s="155" t="s">
        <v>49</v>
      </c>
      <c r="N4" s="93" t="s">
        <v>73</v>
      </c>
      <c r="O4" s="90" t="s">
        <v>60</v>
      </c>
      <c r="P4" s="89" t="s">
        <v>49</v>
      </c>
      <c r="Q4" s="88" t="s">
        <v>78</v>
      </c>
      <c r="T4" s="154"/>
    </row>
    <row r="5" spans="1:21" ht="12.75" customHeight="1" x14ac:dyDescent="0.15">
      <c r="A5" s="202"/>
      <c r="B5" s="203"/>
      <c r="C5" s="150" t="s">
        <v>45</v>
      </c>
      <c r="D5" s="152" t="s">
        <v>47</v>
      </c>
      <c r="E5" s="80" t="s">
        <v>43</v>
      </c>
      <c r="F5" s="81" t="s">
        <v>45</v>
      </c>
      <c r="G5" s="85" t="s">
        <v>59</v>
      </c>
      <c r="H5" s="151" t="s">
        <v>43</v>
      </c>
      <c r="I5" s="150" t="s">
        <v>45</v>
      </c>
      <c r="J5" s="149" t="s">
        <v>47</v>
      </c>
      <c r="K5" s="82" t="s">
        <v>43</v>
      </c>
      <c r="L5" s="81" t="s">
        <v>45</v>
      </c>
      <c r="M5" s="83" t="s">
        <v>58</v>
      </c>
      <c r="N5" s="148" t="s">
        <v>43</v>
      </c>
      <c r="O5" s="147" t="s">
        <v>45</v>
      </c>
      <c r="P5" s="80" t="s">
        <v>57</v>
      </c>
      <c r="Q5" s="146" t="s">
        <v>43</v>
      </c>
    </row>
    <row r="6" spans="1:21" ht="19.5" customHeight="1" x14ac:dyDescent="0.2">
      <c r="A6" s="49">
        <v>1</v>
      </c>
      <c r="B6" s="48" t="s">
        <v>42</v>
      </c>
      <c r="C6" s="40">
        <v>15385</v>
      </c>
      <c r="D6" s="163">
        <v>7</v>
      </c>
      <c r="E6" s="73">
        <v>-1.81</v>
      </c>
      <c r="F6" s="40">
        <v>11820</v>
      </c>
      <c r="G6" s="163">
        <v>8</v>
      </c>
      <c r="H6" s="73">
        <v>-23.17</v>
      </c>
      <c r="I6" s="129">
        <v>10663</v>
      </c>
      <c r="J6" s="128">
        <v>10</v>
      </c>
      <c r="K6" s="72">
        <v>-9.7899999999999991</v>
      </c>
      <c r="L6" s="71">
        <v>11945</v>
      </c>
      <c r="M6" s="127">
        <v>11</v>
      </c>
      <c r="N6" s="69">
        <v>12.02</v>
      </c>
      <c r="O6" s="40">
        <v>11431</v>
      </c>
      <c r="P6" s="119">
        <v>13</v>
      </c>
      <c r="Q6" s="38">
        <v>-4.3</v>
      </c>
      <c r="R6" s="102"/>
      <c r="T6" s="161"/>
      <c r="U6" s="161"/>
    </row>
    <row r="7" spans="1:21" ht="19.5" customHeight="1" x14ac:dyDescent="0.2">
      <c r="A7" s="49">
        <v>2</v>
      </c>
      <c r="B7" s="48" t="s">
        <v>41</v>
      </c>
      <c r="C7" s="40">
        <v>14302</v>
      </c>
      <c r="D7" s="163">
        <v>8</v>
      </c>
      <c r="E7" s="73">
        <v>5.05</v>
      </c>
      <c r="F7" s="40">
        <v>12481</v>
      </c>
      <c r="G7" s="163">
        <v>5</v>
      </c>
      <c r="H7" s="73">
        <v>-12.73</v>
      </c>
      <c r="I7" s="129">
        <v>11723</v>
      </c>
      <c r="J7" s="128">
        <v>9</v>
      </c>
      <c r="K7" s="72">
        <v>-6.07</v>
      </c>
      <c r="L7" s="71">
        <v>9676</v>
      </c>
      <c r="M7" s="127">
        <v>12</v>
      </c>
      <c r="N7" s="69">
        <v>-17.46</v>
      </c>
      <c r="O7" s="40">
        <v>13941</v>
      </c>
      <c r="P7" s="119">
        <v>9</v>
      </c>
      <c r="Q7" s="38">
        <v>44.08</v>
      </c>
      <c r="R7" s="102"/>
      <c r="T7" s="161"/>
      <c r="U7" s="161"/>
    </row>
    <row r="8" spans="1:21" ht="19.5" customHeight="1" x14ac:dyDescent="0.2">
      <c r="A8" s="49">
        <v>3</v>
      </c>
      <c r="B8" s="48" t="s">
        <v>40</v>
      </c>
      <c r="C8" s="40">
        <v>3266</v>
      </c>
      <c r="D8" s="163">
        <v>22</v>
      </c>
      <c r="E8" s="73">
        <v>-8.7200000000000006</v>
      </c>
      <c r="F8" s="40">
        <v>3145</v>
      </c>
      <c r="G8" s="163">
        <v>22</v>
      </c>
      <c r="H8" s="73">
        <v>-3.7</v>
      </c>
      <c r="I8" s="129">
        <v>3192</v>
      </c>
      <c r="J8" s="128">
        <v>22</v>
      </c>
      <c r="K8" s="72">
        <v>1.49</v>
      </c>
      <c r="L8" s="71">
        <v>6955</v>
      </c>
      <c r="M8" s="127">
        <v>15</v>
      </c>
      <c r="N8" s="69">
        <v>117.89</v>
      </c>
      <c r="O8" s="40">
        <v>11042</v>
      </c>
      <c r="P8" s="119">
        <v>15</v>
      </c>
      <c r="Q8" s="38">
        <v>58.76</v>
      </c>
      <c r="R8" s="102"/>
      <c r="T8" s="161"/>
      <c r="U8" s="161"/>
    </row>
    <row r="9" spans="1:21" ht="19.5" customHeight="1" x14ac:dyDescent="0.2">
      <c r="A9" s="49">
        <v>4</v>
      </c>
      <c r="B9" s="48" t="s">
        <v>39</v>
      </c>
      <c r="C9" s="40">
        <v>4676</v>
      </c>
      <c r="D9" s="163">
        <v>19</v>
      </c>
      <c r="E9" s="73">
        <v>-42.9</v>
      </c>
      <c r="F9" s="40">
        <v>3418</v>
      </c>
      <c r="G9" s="163">
        <v>21</v>
      </c>
      <c r="H9" s="73">
        <v>-26.9</v>
      </c>
      <c r="I9" s="129">
        <v>3496</v>
      </c>
      <c r="J9" s="128">
        <v>20</v>
      </c>
      <c r="K9" s="72">
        <v>2.2799999999999998</v>
      </c>
      <c r="L9" s="71">
        <v>2707</v>
      </c>
      <c r="M9" s="127">
        <v>21</v>
      </c>
      <c r="N9" s="69">
        <v>-22.57</v>
      </c>
      <c r="O9" s="40">
        <v>3860</v>
      </c>
      <c r="P9" s="119">
        <v>22</v>
      </c>
      <c r="Q9" s="38">
        <v>42.59</v>
      </c>
      <c r="R9" s="102"/>
      <c r="T9" s="161"/>
      <c r="U9" s="161"/>
    </row>
    <row r="10" spans="1:21" ht="19.5" customHeight="1" x14ac:dyDescent="0.2">
      <c r="A10" s="49">
        <v>5</v>
      </c>
      <c r="B10" s="48" t="s">
        <v>38</v>
      </c>
      <c r="C10" s="40">
        <v>20855</v>
      </c>
      <c r="D10" s="163">
        <v>2</v>
      </c>
      <c r="E10" s="73">
        <v>8.52</v>
      </c>
      <c r="F10" s="40">
        <v>15094</v>
      </c>
      <c r="G10" s="163">
        <v>2</v>
      </c>
      <c r="H10" s="73">
        <v>-27.62</v>
      </c>
      <c r="I10" s="129">
        <v>9335</v>
      </c>
      <c r="J10" s="128">
        <v>13</v>
      </c>
      <c r="K10" s="72">
        <v>-38.15</v>
      </c>
      <c r="L10" s="71">
        <v>7467</v>
      </c>
      <c r="M10" s="127">
        <v>14</v>
      </c>
      <c r="N10" s="69">
        <v>-20.010000000000002</v>
      </c>
      <c r="O10" s="40">
        <v>7242</v>
      </c>
      <c r="P10" s="119">
        <v>18</v>
      </c>
      <c r="Q10" s="38">
        <v>-3.01</v>
      </c>
      <c r="R10" s="102"/>
      <c r="T10" s="161"/>
      <c r="U10" s="161"/>
    </row>
    <row r="11" spans="1:21" ht="19.5" customHeight="1" x14ac:dyDescent="0.2">
      <c r="A11" s="49">
        <v>6</v>
      </c>
      <c r="B11" s="48" t="s">
        <v>37</v>
      </c>
      <c r="C11" s="40">
        <v>7249</v>
      </c>
      <c r="D11" s="163">
        <v>15</v>
      </c>
      <c r="E11" s="73">
        <v>-10.56</v>
      </c>
      <c r="F11" s="40">
        <v>9614</v>
      </c>
      <c r="G11" s="163">
        <v>11</v>
      </c>
      <c r="H11" s="73">
        <v>32.630000000000003</v>
      </c>
      <c r="I11" s="129">
        <v>9369</v>
      </c>
      <c r="J11" s="128">
        <v>12</v>
      </c>
      <c r="K11" s="72">
        <v>-2.5499999999999998</v>
      </c>
      <c r="L11" s="71">
        <v>9629</v>
      </c>
      <c r="M11" s="127">
        <v>13</v>
      </c>
      <c r="N11" s="69">
        <v>2.78</v>
      </c>
      <c r="O11" s="40">
        <v>12621</v>
      </c>
      <c r="P11" s="119">
        <v>12</v>
      </c>
      <c r="Q11" s="38">
        <v>31.07</v>
      </c>
      <c r="R11" s="102"/>
      <c r="T11" s="161"/>
      <c r="U11" s="161"/>
    </row>
    <row r="12" spans="1:21" ht="19.5" customHeight="1" x14ac:dyDescent="0.2">
      <c r="A12" s="49">
        <v>7</v>
      </c>
      <c r="B12" s="48" t="s">
        <v>36</v>
      </c>
      <c r="C12" s="40">
        <v>6433</v>
      </c>
      <c r="D12" s="163">
        <v>17</v>
      </c>
      <c r="E12" s="73">
        <v>-13.07</v>
      </c>
      <c r="F12" s="40">
        <v>4174</v>
      </c>
      <c r="G12" s="163">
        <v>19</v>
      </c>
      <c r="H12" s="73">
        <v>-35.119999999999997</v>
      </c>
      <c r="I12" s="129">
        <v>3965</v>
      </c>
      <c r="J12" s="128">
        <v>18</v>
      </c>
      <c r="K12" s="72">
        <v>-5.01</v>
      </c>
      <c r="L12" s="71">
        <v>4537</v>
      </c>
      <c r="M12" s="127">
        <v>18</v>
      </c>
      <c r="N12" s="69">
        <v>14.43</v>
      </c>
      <c r="O12" s="40">
        <v>9312</v>
      </c>
      <c r="P12" s="119">
        <v>17</v>
      </c>
      <c r="Q12" s="38">
        <v>105.25</v>
      </c>
      <c r="R12" s="102"/>
      <c r="T12" s="161"/>
      <c r="U12" s="161"/>
    </row>
    <row r="13" spans="1:21" ht="19.5" customHeight="1" x14ac:dyDescent="0.2">
      <c r="A13" s="49">
        <v>8</v>
      </c>
      <c r="B13" s="48" t="s">
        <v>35</v>
      </c>
      <c r="C13" s="40">
        <v>4361</v>
      </c>
      <c r="D13" s="163">
        <v>20</v>
      </c>
      <c r="E13" s="73">
        <v>2.37</v>
      </c>
      <c r="F13" s="40">
        <v>3653</v>
      </c>
      <c r="G13" s="163">
        <v>20</v>
      </c>
      <c r="H13" s="73">
        <v>-16.23</v>
      </c>
      <c r="I13" s="129">
        <v>3660</v>
      </c>
      <c r="J13" s="128">
        <v>19</v>
      </c>
      <c r="K13" s="72">
        <v>0.19</v>
      </c>
      <c r="L13" s="71">
        <v>2241</v>
      </c>
      <c r="M13" s="127">
        <v>22</v>
      </c>
      <c r="N13" s="69">
        <v>-38.770000000000003</v>
      </c>
      <c r="O13" s="40">
        <v>2378</v>
      </c>
      <c r="P13" s="119">
        <v>24</v>
      </c>
      <c r="Q13" s="38">
        <v>6.11</v>
      </c>
      <c r="R13" s="102"/>
      <c r="T13" s="161"/>
      <c r="U13" s="161"/>
    </row>
    <row r="14" spans="1:21" ht="19.5" customHeight="1" x14ac:dyDescent="0.2">
      <c r="A14" s="49">
        <v>9</v>
      </c>
      <c r="B14" s="48" t="s">
        <v>34</v>
      </c>
      <c r="C14" s="40">
        <v>14098</v>
      </c>
      <c r="D14" s="163">
        <v>9</v>
      </c>
      <c r="E14" s="73">
        <v>16.350000000000001</v>
      </c>
      <c r="F14" s="40">
        <v>12852</v>
      </c>
      <c r="G14" s="163">
        <v>4</v>
      </c>
      <c r="H14" s="73">
        <v>-8.84</v>
      </c>
      <c r="I14" s="129">
        <v>14681</v>
      </c>
      <c r="J14" s="128">
        <v>7</v>
      </c>
      <c r="K14" s="72">
        <v>14.23</v>
      </c>
      <c r="L14" s="71">
        <v>13471</v>
      </c>
      <c r="M14" s="127">
        <v>8</v>
      </c>
      <c r="N14" s="69">
        <v>-8.24</v>
      </c>
      <c r="O14" s="40">
        <v>12671</v>
      </c>
      <c r="P14" s="119">
        <v>11</v>
      </c>
      <c r="Q14" s="38">
        <v>-5.94</v>
      </c>
      <c r="R14" s="102"/>
      <c r="T14" s="161"/>
      <c r="U14" s="161"/>
    </row>
    <row r="15" spans="1:21" ht="19.5" customHeight="1" x14ac:dyDescent="0.2">
      <c r="A15" s="49">
        <v>10</v>
      </c>
      <c r="B15" s="48" t="s">
        <v>33</v>
      </c>
      <c r="C15" s="40">
        <v>11358</v>
      </c>
      <c r="D15" s="163">
        <v>13</v>
      </c>
      <c r="E15" s="73">
        <v>-36.64</v>
      </c>
      <c r="F15" s="40">
        <v>4623</v>
      </c>
      <c r="G15" s="163">
        <v>17</v>
      </c>
      <c r="H15" s="73">
        <v>-59.3</v>
      </c>
      <c r="I15" s="129">
        <v>5484</v>
      </c>
      <c r="J15" s="128">
        <v>15</v>
      </c>
      <c r="K15" s="72">
        <v>18.62</v>
      </c>
      <c r="L15" s="71">
        <v>11964</v>
      </c>
      <c r="M15" s="127">
        <v>10</v>
      </c>
      <c r="N15" s="69">
        <v>118.16</v>
      </c>
      <c r="O15" s="40">
        <v>13364</v>
      </c>
      <c r="P15" s="119">
        <v>10</v>
      </c>
      <c r="Q15" s="38">
        <v>11.7</v>
      </c>
      <c r="R15" s="102"/>
      <c r="T15" s="161"/>
      <c r="U15" s="161"/>
    </row>
    <row r="16" spans="1:21" ht="19.5" customHeight="1" x14ac:dyDescent="0.2">
      <c r="A16" s="49">
        <v>11</v>
      </c>
      <c r="B16" s="48" t="s">
        <v>32</v>
      </c>
      <c r="C16" s="40">
        <v>4768</v>
      </c>
      <c r="D16" s="163">
        <v>18</v>
      </c>
      <c r="E16" s="73">
        <v>-31.06</v>
      </c>
      <c r="F16" s="40">
        <v>7554</v>
      </c>
      <c r="G16" s="163">
        <v>16</v>
      </c>
      <c r="H16" s="73">
        <v>58.43</v>
      </c>
      <c r="I16" s="129">
        <v>3446</v>
      </c>
      <c r="J16" s="128">
        <v>21</v>
      </c>
      <c r="K16" s="72">
        <v>-54.38</v>
      </c>
      <c r="L16" s="71">
        <v>4450</v>
      </c>
      <c r="M16" s="127">
        <v>19</v>
      </c>
      <c r="N16" s="69">
        <v>29.14</v>
      </c>
      <c r="O16" s="40">
        <v>4275</v>
      </c>
      <c r="P16" s="119">
        <v>21</v>
      </c>
      <c r="Q16" s="38">
        <v>-3.93</v>
      </c>
      <c r="R16" s="102"/>
      <c r="T16" s="161"/>
      <c r="U16" s="161"/>
    </row>
    <row r="17" spans="1:21" ht="19.5" customHeight="1" x14ac:dyDescent="0.2">
      <c r="A17" s="49">
        <v>12</v>
      </c>
      <c r="B17" s="48" t="s">
        <v>31</v>
      </c>
      <c r="C17" s="40">
        <v>21740</v>
      </c>
      <c r="D17" s="163">
        <v>1</v>
      </c>
      <c r="E17" s="73">
        <v>20.98</v>
      </c>
      <c r="F17" s="40">
        <v>10270</v>
      </c>
      <c r="G17" s="163">
        <v>10</v>
      </c>
      <c r="H17" s="73">
        <v>-52.76</v>
      </c>
      <c r="I17" s="129">
        <v>16057</v>
      </c>
      <c r="J17" s="128">
        <v>5</v>
      </c>
      <c r="K17" s="72">
        <v>56.35</v>
      </c>
      <c r="L17" s="71">
        <v>12851</v>
      </c>
      <c r="M17" s="127">
        <v>9</v>
      </c>
      <c r="N17" s="69">
        <v>-19.97</v>
      </c>
      <c r="O17" s="40">
        <v>23112</v>
      </c>
      <c r="P17" s="119">
        <v>5</v>
      </c>
      <c r="Q17" s="38">
        <v>79.849999999999994</v>
      </c>
      <c r="R17" s="102"/>
      <c r="T17" s="161"/>
      <c r="U17" s="161"/>
    </row>
    <row r="18" spans="1:21" ht="19.5" customHeight="1" x14ac:dyDescent="0.2">
      <c r="A18" s="49">
        <v>13</v>
      </c>
      <c r="B18" s="48" t="s">
        <v>30</v>
      </c>
      <c r="C18" s="40">
        <v>11610</v>
      </c>
      <c r="D18" s="163">
        <v>11</v>
      </c>
      <c r="E18" s="73">
        <v>-31.67</v>
      </c>
      <c r="F18" s="40">
        <v>4556</v>
      </c>
      <c r="G18" s="163">
        <v>18</v>
      </c>
      <c r="H18" s="73">
        <v>-60.76</v>
      </c>
      <c r="I18" s="129">
        <v>0</v>
      </c>
      <c r="J18" s="128">
        <v>25</v>
      </c>
      <c r="K18" s="72">
        <v>-100</v>
      </c>
      <c r="L18" s="71">
        <v>0</v>
      </c>
      <c r="M18" s="127">
        <v>24</v>
      </c>
      <c r="N18" s="137" t="s">
        <v>0</v>
      </c>
      <c r="O18" s="40">
        <v>11320</v>
      </c>
      <c r="P18" s="119">
        <v>14</v>
      </c>
      <c r="Q18" s="38">
        <v>100</v>
      </c>
      <c r="R18" s="102"/>
      <c r="T18" s="161"/>
      <c r="U18" s="161"/>
    </row>
    <row r="19" spans="1:21" ht="19.5" customHeight="1" x14ac:dyDescent="0.2">
      <c r="A19" s="49">
        <v>14</v>
      </c>
      <c r="B19" s="48" t="s">
        <v>29</v>
      </c>
      <c r="C19" s="40">
        <v>13816</v>
      </c>
      <c r="D19" s="163">
        <v>10</v>
      </c>
      <c r="E19" s="73">
        <v>-7.26</v>
      </c>
      <c r="F19" s="40">
        <v>11032</v>
      </c>
      <c r="G19" s="163">
        <v>9</v>
      </c>
      <c r="H19" s="73">
        <v>-20.149999999999999</v>
      </c>
      <c r="I19" s="129">
        <v>15707</v>
      </c>
      <c r="J19" s="128">
        <v>6</v>
      </c>
      <c r="K19" s="72">
        <v>42.38</v>
      </c>
      <c r="L19" s="71">
        <v>18576</v>
      </c>
      <c r="M19" s="127">
        <v>4</v>
      </c>
      <c r="N19" s="69">
        <v>18.27</v>
      </c>
      <c r="O19" s="40">
        <v>27597</v>
      </c>
      <c r="P19" s="119">
        <v>3</v>
      </c>
      <c r="Q19" s="38">
        <v>48.56</v>
      </c>
      <c r="R19" s="102"/>
      <c r="T19" s="161"/>
      <c r="U19" s="161"/>
    </row>
    <row r="20" spans="1:21" ht="19.5" customHeight="1" x14ac:dyDescent="0.2">
      <c r="A20" s="49">
        <v>15</v>
      </c>
      <c r="B20" s="48" t="s">
        <v>28</v>
      </c>
      <c r="C20" s="40">
        <v>11515</v>
      </c>
      <c r="D20" s="163">
        <v>12</v>
      </c>
      <c r="E20" s="73">
        <v>85.7</v>
      </c>
      <c r="F20" s="40">
        <v>7917</v>
      </c>
      <c r="G20" s="163">
        <v>14</v>
      </c>
      <c r="H20" s="73">
        <v>-31.25</v>
      </c>
      <c r="I20" s="129">
        <v>9918</v>
      </c>
      <c r="J20" s="128">
        <v>11</v>
      </c>
      <c r="K20" s="72">
        <v>25.27</v>
      </c>
      <c r="L20" s="71">
        <v>14008</v>
      </c>
      <c r="M20" s="127">
        <v>6</v>
      </c>
      <c r="N20" s="69">
        <v>41.24</v>
      </c>
      <c r="O20" s="40">
        <v>19007</v>
      </c>
      <c r="P20" s="119">
        <v>6</v>
      </c>
      <c r="Q20" s="38">
        <v>35.69</v>
      </c>
      <c r="R20" s="102"/>
      <c r="T20" s="161"/>
      <c r="U20" s="161"/>
    </row>
    <row r="21" spans="1:21" ht="19.5" customHeight="1" x14ac:dyDescent="0.2">
      <c r="A21" s="49">
        <v>16</v>
      </c>
      <c r="B21" s="48" t="s">
        <v>27</v>
      </c>
      <c r="C21" s="40">
        <v>20473</v>
      </c>
      <c r="D21" s="163">
        <v>4</v>
      </c>
      <c r="E21" s="73">
        <v>-10.99</v>
      </c>
      <c r="F21" s="40">
        <v>18410</v>
      </c>
      <c r="G21" s="163">
        <v>1</v>
      </c>
      <c r="H21" s="73">
        <v>-10.08</v>
      </c>
      <c r="I21" s="129">
        <v>16770</v>
      </c>
      <c r="J21" s="128">
        <v>3</v>
      </c>
      <c r="K21" s="72">
        <v>-8.91</v>
      </c>
      <c r="L21" s="71">
        <v>14716</v>
      </c>
      <c r="M21" s="127">
        <v>5</v>
      </c>
      <c r="N21" s="69">
        <v>-12.25</v>
      </c>
      <c r="O21" s="40">
        <v>29016</v>
      </c>
      <c r="P21" s="119">
        <v>2</v>
      </c>
      <c r="Q21" s="38">
        <v>97.17</v>
      </c>
      <c r="R21" s="102"/>
      <c r="T21" s="161"/>
      <c r="U21" s="161"/>
    </row>
    <row r="22" spans="1:21" ht="19.5" customHeight="1" x14ac:dyDescent="0.2">
      <c r="A22" s="49">
        <v>17</v>
      </c>
      <c r="B22" s="48" t="s">
        <v>26</v>
      </c>
      <c r="C22" s="40">
        <v>20516</v>
      </c>
      <c r="D22" s="163">
        <v>3</v>
      </c>
      <c r="E22" s="73">
        <v>-8.6</v>
      </c>
      <c r="F22" s="40">
        <v>14512</v>
      </c>
      <c r="G22" s="163">
        <v>3</v>
      </c>
      <c r="H22" s="73">
        <v>-29.26</v>
      </c>
      <c r="I22" s="129">
        <v>14211</v>
      </c>
      <c r="J22" s="128">
        <v>8</v>
      </c>
      <c r="K22" s="72">
        <v>-2.0699999999999998</v>
      </c>
      <c r="L22" s="71">
        <v>36493</v>
      </c>
      <c r="M22" s="127">
        <v>1</v>
      </c>
      <c r="N22" s="69">
        <v>156.79</v>
      </c>
      <c r="O22" s="40">
        <v>10242</v>
      </c>
      <c r="P22" s="119">
        <v>16</v>
      </c>
      <c r="Q22" s="38">
        <v>-71.930000000000007</v>
      </c>
      <c r="R22" s="102"/>
      <c r="T22" s="161"/>
      <c r="U22" s="161"/>
    </row>
    <row r="23" spans="1:21" ht="19.5" customHeight="1" x14ac:dyDescent="0.2">
      <c r="A23" s="49">
        <v>18</v>
      </c>
      <c r="B23" s="48" t="s">
        <v>25</v>
      </c>
      <c r="C23" s="40">
        <v>629</v>
      </c>
      <c r="D23" s="163">
        <v>25</v>
      </c>
      <c r="E23" s="73">
        <v>-24.49</v>
      </c>
      <c r="F23" s="40">
        <v>773</v>
      </c>
      <c r="G23" s="163">
        <v>25</v>
      </c>
      <c r="H23" s="73">
        <v>22.89</v>
      </c>
      <c r="I23" s="129">
        <v>913</v>
      </c>
      <c r="J23" s="128">
        <v>24</v>
      </c>
      <c r="K23" s="72">
        <v>18.11</v>
      </c>
      <c r="L23" s="71">
        <v>759</v>
      </c>
      <c r="M23" s="127">
        <v>23</v>
      </c>
      <c r="N23" s="69">
        <v>-16.87</v>
      </c>
      <c r="O23" s="40">
        <v>707</v>
      </c>
      <c r="P23" s="119">
        <v>25</v>
      </c>
      <c r="Q23" s="38">
        <v>-6.85</v>
      </c>
      <c r="R23" s="102"/>
      <c r="T23" s="161"/>
      <c r="U23" s="161"/>
    </row>
    <row r="24" spans="1:21" ht="19.5" customHeight="1" x14ac:dyDescent="0.2">
      <c r="A24" s="49">
        <v>19</v>
      </c>
      <c r="B24" s="48" t="s">
        <v>24</v>
      </c>
      <c r="C24" s="77">
        <v>8717</v>
      </c>
      <c r="D24" s="164">
        <v>14</v>
      </c>
      <c r="E24" s="45">
        <v>-18.57</v>
      </c>
      <c r="F24" s="77">
        <v>8940</v>
      </c>
      <c r="G24" s="164">
        <v>12</v>
      </c>
      <c r="H24" s="45">
        <v>2.56</v>
      </c>
      <c r="I24" s="145">
        <v>9100</v>
      </c>
      <c r="J24" s="144">
        <v>14</v>
      </c>
      <c r="K24" s="44">
        <v>1.79</v>
      </c>
      <c r="L24" s="43">
        <v>13561</v>
      </c>
      <c r="M24" s="143">
        <v>7</v>
      </c>
      <c r="N24" s="41">
        <v>49.02</v>
      </c>
      <c r="O24" s="40">
        <v>18665</v>
      </c>
      <c r="P24" s="142">
        <v>7</v>
      </c>
      <c r="Q24" s="38">
        <v>37.64</v>
      </c>
      <c r="R24" s="102"/>
      <c r="T24" s="161"/>
      <c r="U24" s="161"/>
    </row>
    <row r="25" spans="1:21" ht="19.5" customHeight="1" x14ac:dyDescent="0.2">
      <c r="A25" s="141">
        <v>20</v>
      </c>
      <c r="B25" s="48" t="s">
        <v>23</v>
      </c>
      <c r="C25" s="40">
        <v>2433</v>
      </c>
      <c r="D25" s="163">
        <v>23</v>
      </c>
      <c r="E25" s="73">
        <v>-30.82</v>
      </c>
      <c r="F25" s="40">
        <v>2447</v>
      </c>
      <c r="G25" s="163">
        <v>24</v>
      </c>
      <c r="H25" s="73">
        <v>0.57999999999999996</v>
      </c>
      <c r="I25" s="129">
        <v>4307</v>
      </c>
      <c r="J25" s="128">
        <v>16</v>
      </c>
      <c r="K25" s="72">
        <v>76.010000000000005</v>
      </c>
      <c r="L25" s="71">
        <v>5682</v>
      </c>
      <c r="M25" s="127">
        <v>16</v>
      </c>
      <c r="N25" s="69">
        <v>31.92</v>
      </c>
      <c r="O25" s="40">
        <v>6231</v>
      </c>
      <c r="P25" s="119">
        <v>19</v>
      </c>
      <c r="Q25" s="38">
        <v>9.66</v>
      </c>
      <c r="R25" s="102"/>
      <c r="T25" s="161"/>
      <c r="U25" s="161"/>
    </row>
    <row r="26" spans="1:21" ht="19.5" customHeight="1" x14ac:dyDescent="0.2">
      <c r="A26" s="141">
        <v>21</v>
      </c>
      <c r="B26" s="48" t="s">
        <v>22</v>
      </c>
      <c r="C26" s="40">
        <v>18004</v>
      </c>
      <c r="D26" s="163">
        <v>5</v>
      </c>
      <c r="E26" s="73">
        <v>-21.21</v>
      </c>
      <c r="F26" s="40">
        <v>12121</v>
      </c>
      <c r="G26" s="163">
        <v>7</v>
      </c>
      <c r="H26" s="73">
        <v>-32.68</v>
      </c>
      <c r="I26" s="129">
        <v>18116</v>
      </c>
      <c r="J26" s="128">
        <v>2</v>
      </c>
      <c r="K26" s="72">
        <v>49.46</v>
      </c>
      <c r="L26" s="71">
        <v>20380</v>
      </c>
      <c r="M26" s="127">
        <v>2</v>
      </c>
      <c r="N26" s="69">
        <v>12.5</v>
      </c>
      <c r="O26" s="40">
        <v>35439</v>
      </c>
      <c r="P26" s="119">
        <v>1</v>
      </c>
      <c r="Q26" s="38">
        <v>73.89</v>
      </c>
      <c r="R26" s="102"/>
      <c r="T26" s="161"/>
      <c r="U26" s="161"/>
    </row>
    <row r="27" spans="1:21" ht="19.5" customHeight="1" x14ac:dyDescent="0.2">
      <c r="A27" s="141">
        <v>22</v>
      </c>
      <c r="B27" s="48" t="s">
        <v>21</v>
      </c>
      <c r="C27" s="40">
        <v>3978</v>
      </c>
      <c r="D27" s="163">
        <v>21</v>
      </c>
      <c r="E27" s="73">
        <v>-32.090000000000003</v>
      </c>
      <c r="F27" s="40">
        <v>0</v>
      </c>
      <c r="G27" s="163">
        <v>26</v>
      </c>
      <c r="H27" s="73">
        <v>-100</v>
      </c>
      <c r="I27" s="129">
        <v>0</v>
      </c>
      <c r="J27" s="128">
        <v>25</v>
      </c>
      <c r="K27" s="138" t="s">
        <v>0</v>
      </c>
      <c r="L27" s="71">
        <v>0</v>
      </c>
      <c r="M27" s="127">
        <v>24</v>
      </c>
      <c r="N27" s="137" t="s">
        <v>0</v>
      </c>
      <c r="O27" s="40">
        <v>345</v>
      </c>
      <c r="P27" s="119">
        <v>26</v>
      </c>
      <c r="Q27" s="169">
        <v>100</v>
      </c>
      <c r="R27" s="102"/>
      <c r="T27" s="161"/>
      <c r="U27" s="161"/>
    </row>
    <row r="28" spans="1:21" ht="19.5" customHeight="1" x14ac:dyDescent="0.2">
      <c r="A28" s="49">
        <v>23</v>
      </c>
      <c r="B28" s="48" t="s">
        <v>20</v>
      </c>
      <c r="C28" s="40">
        <v>0</v>
      </c>
      <c r="D28" s="163">
        <v>26</v>
      </c>
      <c r="E28" s="168" t="s">
        <v>0</v>
      </c>
      <c r="F28" s="40">
        <v>0</v>
      </c>
      <c r="G28" s="167">
        <v>26</v>
      </c>
      <c r="H28" s="140" t="s">
        <v>0</v>
      </c>
      <c r="I28" s="135">
        <v>0</v>
      </c>
      <c r="J28" s="134">
        <v>25</v>
      </c>
      <c r="K28" s="139" t="s">
        <v>0</v>
      </c>
      <c r="L28" s="135">
        <v>0</v>
      </c>
      <c r="M28" s="131">
        <v>24</v>
      </c>
      <c r="N28" s="130" t="s">
        <v>0</v>
      </c>
      <c r="O28" s="40">
        <v>0</v>
      </c>
      <c r="P28" s="119">
        <v>27</v>
      </c>
      <c r="Q28" s="118" t="s">
        <v>0</v>
      </c>
      <c r="R28" s="102"/>
      <c r="T28" s="161"/>
      <c r="U28" s="161"/>
    </row>
    <row r="29" spans="1:21" ht="19.5" customHeight="1" x14ac:dyDescent="0.2">
      <c r="A29" s="49">
        <v>24</v>
      </c>
      <c r="B29" s="48" t="s">
        <v>19</v>
      </c>
      <c r="C29" s="40">
        <v>6467</v>
      </c>
      <c r="D29" s="163">
        <v>16</v>
      </c>
      <c r="E29" s="73">
        <v>-51.92</v>
      </c>
      <c r="F29" s="40">
        <v>8685</v>
      </c>
      <c r="G29" s="163">
        <v>13</v>
      </c>
      <c r="H29" s="73">
        <v>34.299999999999997</v>
      </c>
      <c r="I29" s="129">
        <v>4275</v>
      </c>
      <c r="J29" s="128">
        <v>17</v>
      </c>
      <c r="K29" s="72">
        <v>-50.78</v>
      </c>
      <c r="L29" s="71">
        <v>4548</v>
      </c>
      <c r="M29" s="127">
        <v>17</v>
      </c>
      <c r="N29" s="69">
        <v>6.39</v>
      </c>
      <c r="O29" s="40">
        <v>4812</v>
      </c>
      <c r="P29" s="119">
        <v>20</v>
      </c>
      <c r="Q29" s="38">
        <v>5.8</v>
      </c>
      <c r="R29" s="102"/>
      <c r="T29" s="161"/>
      <c r="U29" s="161"/>
    </row>
    <row r="30" spans="1:21" ht="19.5" customHeight="1" x14ac:dyDescent="0.2">
      <c r="A30" s="49">
        <v>25</v>
      </c>
      <c r="B30" s="48" t="s">
        <v>18</v>
      </c>
      <c r="C30" s="40">
        <v>0</v>
      </c>
      <c r="D30" s="163">
        <v>26</v>
      </c>
      <c r="E30" s="168" t="s">
        <v>0</v>
      </c>
      <c r="F30" s="40">
        <v>0</v>
      </c>
      <c r="G30" s="163">
        <v>26</v>
      </c>
      <c r="H30" s="168" t="s">
        <v>0</v>
      </c>
      <c r="I30" s="129">
        <v>0</v>
      </c>
      <c r="J30" s="128">
        <v>25</v>
      </c>
      <c r="K30" s="138" t="s">
        <v>0</v>
      </c>
      <c r="L30" s="71">
        <v>0</v>
      </c>
      <c r="M30" s="127">
        <v>24</v>
      </c>
      <c r="N30" s="137" t="s">
        <v>0</v>
      </c>
      <c r="O30" s="40">
        <v>0</v>
      </c>
      <c r="P30" s="119">
        <v>27</v>
      </c>
      <c r="Q30" s="118" t="s">
        <v>0</v>
      </c>
      <c r="R30" s="102"/>
      <c r="T30" s="161"/>
      <c r="U30" s="161"/>
    </row>
    <row r="31" spans="1:21" ht="19.5" customHeight="1" x14ac:dyDescent="0.2">
      <c r="A31" s="49">
        <v>26</v>
      </c>
      <c r="B31" s="48" t="s">
        <v>17</v>
      </c>
      <c r="C31" s="40">
        <v>0</v>
      </c>
      <c r="D31" s="163">
        <v>26</v>
      </c>
      <c r="E31" s="168" t="s">
        <v>0</v>
      </c>
      <c r="F31" s="40">
        <v>0</v>
      </c>
      <c r="G31" s="163">
        <v>26</v>
      </c>
      <c r="H31" s="168" t="s">
        <v>0</v>
      </c>
      <c r="I31" s="129">
        <v>0</v>
      </c>
      <c r="J31" s="128">
        <v>25</v>
      </c>
      <c r="K31" s="138" t="s">
        <v>0</v>
      </c>
      <c r="L31" s="71">
        <v>0</v>
      </c>
      <c r="M31" s="127">
        <v>24</v>
      </c>
      <c r="N31" s="137" t="s">
        <v>0</v>
      </c>
      <c r="O31" s="40">
        <v>0</v>
      </c>
      <c r="P31" s="119">
        <v>27</v>
      </c>
      <c r="Q31" s="118" t="s">
        <v>0</v>
      </c>
      <c r="R31" s="102"/>
      <c r="T31" s="161"/>
      <c r="U31" s="161"/>
    </row>
    <row r="32" spans="1:21" ht="19.5" customHeight="1" x14ac:dyDescent="0.2">
      <c r="A32" s="49">
        <v>27</v>
      </c>
      <c r="B32" s="48" t="s">
        <v>16</v>
      </c>
      <c r="C32" s="40">
        <v>0</v>
      </c>
      <c r="D32" s="163">
        <v>26</v>
      </c>
      <c r="E32" s="168" t="s">
        <v>0</v>
      </c>
      <c r="F32" s="40">
        <v>7740</v>
      </c>
      <c r="G32" s="163">
        <v>15</v>
      </c>
      <c r="H32" s="168">
        <v>100</v>
      </c>
      <c r="I32" s="129">
        <v>28041</v>
      </c>
      <c r="J32" s="128">
        <v>1</v>
      </c>
      <c r="K32" s="138">
        <v>262.29000000000002</v>
      </c>
      <c r="L32" s="71">
        <v>0</v>
      </c>
      <c r="M32" s="127">
        <v>24</v>
      </c>
      <c r="N32" s="137" t="s">
        <v>0</v>
      </c>
      <c r="O32" s="40">
        <v>17422</v>
      </c>
      <c r="P32" s="119">
        <v>8</v>
      </c>
      <c r="Q32" s="118" t="s">
        <v>0</v>
      </c>
      <c r="R32" s="102"/>
      <c r="T32" s="161"/>
      <c r="U32" s="161"/>
    </row>
    <row r="33" spans="1:21" ht="19.5" customHeight="1" x14ac:dyDescent="0.2">
      <c r="A33" s="49">
        <v>28</v>
      </c>
      <c r="B33" s="48" t="s">
        <v>15</v>
      </c>
      <c r="C33" s="40">
        <v>2073</v>
      </c>
      <c r="D33" s="163">
        <v>24</v>
      </c>
      <c r="E33" s="73">
        <v>6.14</v>
      </c>
      <c r="F33" s="40">
        <v>2810</v>
      </c>
      <c r="G33" s="163">
        <v>23</v>
      </c>
      <c r="H33" s="73">
        <v>35.549999999999997</v>
      </c>
      <c r="I33" s="129">
        <v>2895</v>
      </c>
      <c r="J33" s="128">
        <v>23</v>
      </c>
      <c r="K33" s="72">
        <v>3.02</v>
      </c>
      <c r="L33" s="71">
        <v>2712</v>
      </c>
      <c r="M33" s="127">
        <v>20</v>
      </c>
      <c r="N33" s="69">
        <v>-6.32</v>
      </c>
      <c r="O33" s="40">
        <v>2863</v>
      </c>
      <c r="P33" s="119">
        <v>23</v>
      </c>
      <c r="Q33" s="38">
        <v>5.57</v>
      </c>
      <c r="R33" s="102"/>
      <c r="T33" s="161"/>
      <c r="U33" s="161"/>
    </row>
    <row r="34" spans="1:21" ht="19.5" customHeight="1" x14ac:dyDescent="0.2">
      <c r="A34" s="49">
        <v>29</v>
      </c>
      <c r="B34" s="48" t="s">
        <v>14</v>
      </c>
      <c r="C34" s="40">
        <v>0</v>
      </c>
      <c r="D34" s="163">
        <v>26</v>
      </c>
      <c r="E34" s="168" t="s">
        <v>0</v>
      </c>
      <c r="F34" s="40">
        <v>0</v>
      </c>
      <c r="G34" s="163">
        <v>26</v>
      </c>
      <c r="H34" s="168" t="s">
        <v>0</v>
      </c>
      <c r="I34" s="129">
        <v>0</v>
      </c>
      <c r="J34" s="128">
        <v>25</v>
      </c>
      <c r="K34" s="138" t="s">
        <v>0</v>
      </c>
      <c r="L34" s="71">
        <v>0</v>
      </c>
      <c r="M34" s="127">
        <v>24</v>
      </c>
      <c r="N34" s="137" t="s">
        <v>0</v>
      </c>
      <c r="O34" s="40">
        <v>0</v>
      </c>
      <c r="P34" s="119">
        <v>27</v>
      </c>
      <c r="Q34" s="118" t="s">
        <v>0</v>
      </c>
      <c r="R34" s="102"/>
      <c r="T34" s="161"/>
      <c r="U34" s="161"/>
    </row>
    <row r="35" spans="1:21" ht="19.5" customHeight="1" x14ac:dyDescent="0.2">
      <c r="A35" s="49">
        <v>30</v>
      </c>
      <c r="B35" s="48" t="s">
        <v>13</v>
      </c>
      <c r="C35" s="171">
        <v>0</v>
      </c>
      <c r="D35" s="165">
        <v>26</v>
      </c>
      <c r="E35" s="136" t="s">
        <v>0</v>
      </c>
      <c r="F35" s="171">
        <v>0</v>
      </c>
      <c r="G35" s="165">
        <v>26</v>
      </c>
      <c r="H35" s="136" t="s">
        <v>0</v>
      </c>
      <c r="I35" s="135">
        <v>0</v>
      </c>
      <c r="J35" s="134">
        <v>25</v>
      </c>
      <c r="K35" s="133" t="s">
        <v>0</v>
      </c>
      <c r="L35" s="132">
        <v>0</v>
      </c>
      <c r="M35" s="131">
        <v>24</v>
      </c>
      <c r="N35" s="130" t="s">
        <v>0</v>
      </c>
      <c r="O35" s="40">
        <v>0</v>
      </c>
      <c r="P35" s="119">
        <v>27</v>
      </c>
      <c r="Q35" s="118" t="s">
        <v>0</v>
      </c>
      <c r="R35" s="102"/>
      <c r="T35" s="161"/>
      <c r="U35" s="161"/>
    </row>
    <row r="36" spans="1:21" ht="19.5" customHeight="1" x14ac:dyDescent="0.2">
      <c r="A36" s="49">
        <v>31</v>
      </c>
      <c r="B36" s="48" t="s">
        <v>12</v>
      </c>
      <c r="C36" s="171">
        <v>0</v>
      </c>
      <c r="D36" s="165">
        <v>26</v>
      </c>
      <c r="E36" s="136" t="s">
        <v>0</v>
      </c>
      <c r="F36" s="171">
        <v>0</v>
      </c>
      <c r="G36" s="165">
        <v>26</v>
      </c>
      <c r="H36" s="136" t="s">
        <v>0</v>
      </c>
      <c r="I36" s="135">
        <v>0</v>
      </c>
      <c r="J36" s="134">
        <v>25</v>
      </c>
      <c r="K36" s="133" t="s">
        <v>0</v>
      </c>
      <c r="L36" s="132">
        <v>0</v>
      </c>
      <c r="M36" s="131">
        <v>24</v>
      </c>
      <c r="N36" s="130" t="s">
        <v>0</v>
      </c>
      <c r="O36" s="40">
        <v>0</v>
      </c>
      <c r="P36" s="119">
        <v>27</v>
      </c>
      <c r="Q36" s="118" t="s">
        <v>0</v>
      </c>
      <c r="R36" s="102"/>
      <c r="T36" s="161"/>
      <c r="U36" s="161"/>
    </row>
    <row r="37" spans="1:21" ht="19.5" customHeight="1" x14ac:dyDescent="0.2">
      <c r="A37" s="49">
        <v>32</v>
      </c>
      <c r="B37" s="48" t="s">
        <v>11</v>
      </c>
      <c r="C37" s="40">
        <v>16500</v>
      </c>
      <c r="D37" s="163">
        <v>6</v>
      </c>
      <c r="E37" s="73">
        <v>48.77</v>
      </c>
      <c r="F37" s="40">
        <v>12206</v>
      </c>
      <c r="G37" s="163">
        <v>6</v>
      </c>
      <c r="H37" s="73">
        <v>-26.02</v>
      </c>
      <c r="I37" s="129">
        <v>16296</v>
      </c>
      <c r="J37" s="128">
        <v>4</v>
      </c>
      <c r="K37" s="72">
        <v>33.51</v>
      </c>
      <c r="L37" s="71">
        <v>19892</v>
      </c>
      <c r="M37" s="127">
        <v>3</v>
      </c>
      <c r="N37" s="69">
        <v>22.07</v>
      </c>
      <c r="O37" s="40">
        <v>24814</v>
      </c>
      <c r="P37" s="119">
        <v>4</v>
      </c>
      <c r="Q37" s="38">
        <v>24.74</v>
      </c>
      <c r="R37" s="102"/>
      <c r="T37" s="161"/>
      <c r="U37" s="161"/>
    </row>
    <row r="38" spans="1:21" ht="19.5" customHeight="1" thickBot="1" x14ac:dyDescent="0.25">
      <c r="A38" s="49">
        <v>33</v>
      </c>
      <c r="B38" s="48" t="s">
        <v>10</v>
      </c>
      <c r="C38" s="172">
        <v>0</v>
      </c>
      <c r="D38" s="166">
        <v>26</v>
      </c>
      <c r="E38" s="170" t="s">
        <v>0</v>
      </c>
      <c r="F38" s="172">
        <v>0</v>
      </c>
      <c r="G38" s="166">
        <v>26</v>
      </c>
      <c r="H38" s="126" t="s">
        <v>0</v>
      </c>
      <c r="I38" s="125">
        <v>0</v>
      </c>
      <c r="J38" s="124">
        <v>25</v>
      </c>
      <c r="K38" s="123" t="s">
        <v>0</v>
      </c>
      <c r="L38" s="122">
        <v>0</v>
      </c>
      <c r="M38" s="121">
        <v>24</v>
      </c>
      <c r="N38" s="120" t="s">
        <v>0</v>
      </c>
      <c r="O38" s="40">
        <v>0</v>
      </c>
      <c r="P38" s="119">
        <v>27</v>
      </c>
      <c r="Q38" s="118" t="s">
        <v>0</v>
      </c>
      <c r="R38" s="102"/>
      <c r="T38" s="161"/>
      <c r="U38" s="161"/>
    </row>
    <row r="39" spans="1:21" ht="19.5" customHeight="1" thickTop="1" thickBot="1" x14ac:dyDescent="0.25">
      <c r="A39" s="195" t="s">
        <v>55</v>
      </c>
      <c r="B39" s="196"/>
      <c r="C39" s="15">
        <v>13036</v>
      </c>
      <c r="D39" s="117" t="s">
        <v>0</v>
      </c>
      <c r="E39" s="21">
        <v>-6.64</v>
      </c>
      <c r="F39" s="15">
        <v>9857</v>
      </c>
      <c r="G39" s="117" t="s">
        <v>0</v>
      </c>
      <c r="H39" s="21">
        <v>-24.39</v>
      </c>
      <c r="I39" s="116">
        <v>9407</v>
      </c>
      <c r="J39" s="17" t="s">
        <v>0</v>
      </c>
      <c r="K39" s="19">
        <v>-4.57</v>
      </c>
      <c r="L39" s="18">
        <v>10721</v>
      </c>
      <c r="M39" s="17" t="s">
        <v>0</v>
      </c>
      <c r="N39" s="16">
        <v>13.97</v>
      </c>
      <c r="O39" s="15">
        <v>12612</v>
      </c>
      <c r="P39" s="14" t="s">
        <v>0</v>
      </c>
      <c r="Q39" s="13">
        <v>17.64</v>
      </c>
      <c r="R39" s="102"/>
    </row>
    <row r="40" spans="1:21" ht="19.5" customHeight="1" thickTop="1" thickBot="1" x14ac:dyDescent="0.25">
      <c r="A40" s="197" t="s">
        <v>54</v>
      </c>
      <c r="B40" s="198"/>
      <c r="C40" s="112">
        <v>4585</v>
      </c>
      <c r="D40" s="115" t="s">
        <v>56</v>
      </c>
      <c r="E40" s="33">
        <v>-0.46</v>
      </c>
      <c r="F40" s="112">
        <v>3934</v>
      </c>
      <c r="G40" s="115" t="s">
        <v>56</v>
      </c>
      <c r="H40" s="33">
        <v>-14.2</v>
      </c>
      <c r="I40" s="114">
        <v>5461</v>
      </c>
      <c r="J40" s="113" t="s">
        <v>0</v>
      </c>
      <c r="K40" s="32">
        <v>38.82</v>
      </c>
      <c r="L40" s="31">
        <v>5680</v>
      </c>
      <c r="M40" s="113" t="s">
        <v>0</v>
      </c>
      <c r="N40" s="29">
        <v>4.01</v>
      </c>
      <c r="O40" s="112">
        <v>7788</v>
      </c>
      <c r="P40" s="111" t="s">
        <v>0</v>
      </c>
      <c r="Q40" s="24">
        <v>37.11</v>
      </c>
      <c r="R40" s="102"/>
    </row>
    <row r="41" spans="1:21" ht="19.5" customHeight="1" thickTop="1" thickBot="1" x14ac:dyDescent="0.25">
      <c r="A41" s="193" t="s">
        <v>53</v>
      </c>
      <c r="B41" s="194"/>
      <c r="C41" s="173">
        <v>12705</v>
      </c>
      <c r="D41" s="110" t="s">
        <v>56</v>
      </c>
      <c r="E41" s="109">
        <v>-6.55</v>
      </c>
      <c r="F41" s="173">
        <v>9626</v>
      </c>
      <c r="G41" s="110" t="s">
        <v>56</v>
      </c>
      <c r="H41" s="109">
        <v>-24.23</v>
      </c>
      <c r="I41" s="108">
        <v>9254</v>
      </c>
      <c r="J41" s="105" t="s">
        <v>0</v>
      </c>
      <c r="K41" s="107">
        <v>-3.86</v>
      </c>
      <c r="L41" s="106">
        <v>10527</v>
      </c>
      <c r="M41" s="105" t="s">
        <v>0</v>
      </c>
      <c r="N41" s="104">
        <v>13.76</v>
      </c>
      <c r="O41" s="4">
        <v>12428</v>
      </c>
      <c r="P41" s="3" t="s">
        <v>0</v>
      </c>
      <c r="Q41" s="103">
        <v>18.059999999999999</v>
      </c>
      <c r="R41" s="102"/>
      <c r="U41" s="162"/>
    </row>
    <row r="42" spans="1:21" ht="16.5" customHeight="1" x14ac:dyDescent="0.15"/>
    <row r="43" spans="1:21" ht="16.5" customHeight="1" x14ac:dyDescent="0.15"/>
    <row r="44" spans="1:21" ht="16.5" customHeight="1" x14ac:dyDescent="0.15"/>
    <row r="45" spans="1:21" ht="16.5" customHeight="1" x14ac:dyDescent="0.15"/>
    <row r="46" spans="1:21" ht="16.5" customHeight="1" x14ac:dyDescent="0.15"/>
    <row r="47" spans="1:21" ht="16.5" customHeight="1" x14ac:dyDescent="0.15"/>
  </sheetData>
  <mergeCells count="9">
    <mergeCell ref="A41:B41"/>
    <mergeCell ref="A39:B39"/>
    <mergeCell ref="A40:B40"/>
    <mergeCell ref="A3:B5"/>
    <mergeCell ref="O3:Q3"/>
    <mergeCell ref="C3:E3"/>
    <mergeCell ref="F3:H3"/>
    <mergeCell ref="I3:K3"/>
    <mergeCell ref="L3:N3"/>
  </mergeCells>
  <phoneticPr fontId="5"/>
  <conditionalFormatting sqref="R6:R41">
    <cfRule type="cellIs" dxfId="0" priority="1" stopIfTrue="1" operator="notEqual">
      <formula>#REF!</formula>
    </cfRule>
  </conditionalFormatting>
  <printOptions horizontalCentered="1" gridLinesSet="0"/>
  <pageMargins left="0.39370078740157483" right="0.39370078740157483" top="0.59055118110236227" bottom="0.59055118110236227" header="0.51181102362204722" footer="0.51181102362204722"/>
  <pageSetup paperSize="9" scale="85" orientation="portrait" blackAndWhite="1" r:id="rId1"/>
  <headerFooter alignWithMargins="0"/>
  <colBreaks count="2" manualBreakCount="2">
    <brk id="17" max="1048575" man="1"/>
    <brk id="18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一人当たりの保健事業の推移</vt:lpstr>
      <vt:lpstr>一人当たり一般会計繰入金（その他）の推移</vt:lpstr>
      <vt:lpstr>一人当たりの保健事業の推移!Print_Area</vt:lpstr>
      <vt:lpstr>'一人当たり一般会計繰入金（その他）の推移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7-21T05:37:05Z</dcterms:created>
  <dcterms:modified xsi:type="dcterms:W3CDTF">2025-07-31T06:00:22Z</dcterms:modified>
</cp:coreProperties>
</file>